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6_税財政データ集\R2年度\02_財政グループ分\"/>
    </mc:Choice>
  </mc:AlternateContent>
  <bookViews>
    <workbookView xWindow="0" yWindow="0" windowWidth="20400" windowHeight="7236"/>
  </bookViews>
  <sheets>
    <sheet name="21" sheetId="1" r:id="rId1"/>
    <sheet name="21 (2)" sheetId="2" r:id="rId2"/>
  </sheets>
  <externalReferences>
    <externalReference r:id="rId3"/>
    <externalReference r:id="rId4"/>
  </externalReferences>
  <definedNames>
    <definedName name="_A0002" localSheetId="0">[1]ﾃﾞｰﾀ!$C$20:$C$65</definedName>
    <definedName name="_A0002" localSheetId="1">[1]ﾃﾞｰﾀ!$C$20:$C$65</definedName>
    <definedName name="_A0002">[2]ﾃﾞｰﾀ!$C$20:$C$65</definedName>
    <definedName name="_C0074" localSheetId="0">[1]ﾃﾞｰﾀ!$AM$20:$AM$65</definedName>
    <definedName name="_C0074" localSheetId="1">[1]ﾃﾞｰﾀ!$AM$20:$AM$65</definedName>
    <definedName name="_C0074">[2]ﾃﾞｰﾀ!$AM$20:$AM$65</definedName>
    <definedName name="_C0075" localSheetId="0">[1]ﾃﾞｰﾀ!$AN$20:$AN$65</definedName>
    <definedName name="_C0075" localSheetId="1">[1]ﾃﾞｰﾀ!$AN$20:$AN$65</definedName>
    <definedName name="_C0075">[2]ﾃﾞｰﾀ!$AN$20:$AN$65</definedName>
    <definedName name="_C0076" localSheetId="0">[1]ﾃﾞｰﾀ!$AO$20:$AO$65</definedName>
    <definedName name="_C0076" localSheetId="1">[1]ﾃﾞｰﾀ!$AO$20:$AO$65</definedName>
    <definedName name="_C0076">[2]ﾃﾞｰﾀ!$AO$20:$AO$65</definedName>
    <definedName name="_C0077" localSheetId="0">[1]ﾃﾞｰﾀ!$AP$20:$AP$65</definedName>
    <definedName name="_C0077" localSheetId="1">[1]ﾃﾞｰﾀ!$AP$20:$AP$65</definedName>
    <definedName name="_C0077">[2]ﾃﾞｰﾀ!$AP$20:$AP$65</definedName>
    <definedName name="_C0079" localSheetId="0">[1]ﾃﾞｰﾀ!$AQ$20:$AQ$65</definedName>
    <definedName name="_C0079" localSheetId="1">[1]ﾃﾞｰﾀ!$AQ$20:$AQ$65</definedName>
    <definedName name="_C0079">[2]ﾃﾞｰﾀ!$AQ$20:$AQ$65</definedName>
    <definedName name="_C0080" localSheetId="0">[1]ﾃﾞｰﾀ!$AR$20:$AR$65</definedName>
    <definedName name="_C0080" localSheetId="1">[1]ﾃﾞｰﾀ!$AR$20:$AR$65</definedName>
    <definedName name="_C0080">[2]ﾃﾞｰﾀ!$AR$20:$AR$65</definedName>
    <definedName name="_C0081" localSheetId="0">[1]ﾃﾞｰﾀ!$AS$20:$AS$65</definedName>
    <definedName name="_C0081" localSheetId="1">[1]ﾃﾞｰﾀ!$AS$20:$AS$65</definedName>
    <definedName name="_C0081">[2]ﾃﾞｰﾀ!$AS$20:$AS$65</definedName>
    <definedName name="_C0082" localSheetId="0">[1]ﾃﾞｰﾀ!$AT$20:$AT$65</definedName>
    <definedName name="_C0082" localSheetId="1">[1]ﾃﾞｰﾀ!$AT$20:$AT$65</definedName>
    <definedName name="_C0082">[2]ﾃﾞｰﾀ!$AT$20:$AT$65</definedName>
    <definedName name="_C0083" localSheetId="0">[1]ﾃﾞｰﾀ!$AU$20:$AU$65</definedName>
    <definedName name="_C0083" localSheetId="1">[1]ﾃﾞｰﾀ!$AU$20:$AU$65</definedName>
    <definedName name="_C0083">[2]ﾃﾞｰﾀ!$AU$20:$AU$65</definedName>
    <definedName name="_C0084" localSheetId="0">[1]ﾃﾞｰﾀ!$AV$20:$AV$65</definedName>
    <definedName name="_C0084" localSheetId="1">[1]ﾃﾞｰﾀ!$AV$20:$AV$65</definedName>
    <definedName name="_C0084">[2]ﾃﾞｰﾀ!$AV$20:$AV$65</definedName>
    <definedName name="_C0085" localSheetId="0">[1]ﾃﾞｰﾀ!$AW$20:$AW$65</definedName>
    <definedName name="_C0085" localSheetId="1">[1]ﾃﾞｰﾀ!$AW$20:$AW$65</definedName>
    <definedName name="_C0085">[2]ﾃﾞｰﾀ!$AW$20:$AW$65</definedName>
    <definedName name="_C0086" localSheetId="0">[1]ﾃﾞｰﾀ!$AX$20:$AX$65</definedName>
    <definedName name="_C0086" localSheetId="1">[1]ﾃﾞｰﾀ!$AX$20:$AX$65</definedName>
    <definedName name="_C0086">[2]ﾃﾞｰﾀ!$AX$20:$AX$65</definedName>
    <definedName name="_C0087" localSheetId="0">[1]ﾃﾞｰﾀ!$AY$20:$AY$65</definedName>
    <definedName name="_C0087" localSheetId="1">[1]ﾃﾞｰﾀ!$AY$20:$AY$65</definedName>
    <definedName name="_C0087">[2]ﾃﾞｰﾀ!$AY$20:$AY$65</definedName>
    <definedName name="_C0088" localSheetId="0">[1]ﾃﾞｰﾀ!$AZ$20:$AZ$65</definedName>
    <definedName name="_C0088" localSheetId="1">[1]ﾃﾞｰﾀ!$AZ$20:$AZ$65</definedName>
    <definedName name="_C0088">[2]ﾃﾞｰﾀ!$AZ$20:$AZ$65</definedName>
    <definedName name="_C0089" localSheetId="0">[1]ﾃﾞｰﾀ!$BA$20:$BA$65</definedName>
    <definedName name="_C0089" localSheetId="1">[1]ﾃﾞｰﾀ!$BA$20:$BA$65</definedName>
    <definedName name="_C0089">[2]ﾃﾞｰﾀ!$BA$20:$BA$65</definedName>
    <definedName name="_C0090" localSheetId="0">[1]ﾃﾞｰﾀ!$BB$20:$BB$65</definedName>
    <definedName name="_C0090" localSheetId="1">[1]ﾃﾞｰﾀ!$BB$20:$BB$65</definedName>
    <definedName name="_C0090">[2]ﾃﾞｰﾀ!$BB$20:$BB$65</definedName>
    <definedName name="_C0091" localSheetId="0">[1]ﾃﾞｰﾀ!$BC$20:$BC$65</definedName>
    <definedName name="_C0091" localSheetId="1">[1]ﾃﾞｰﾀ!$BC$20:$BC$65</definedName>
    <definedName name="_C0091">[2]ﾃﾞｰﾀ!$BC$20:$BC$65</definedName>
    <definedName name="_C0092" localSheetId="0">[1]ﾃﾞｰﾀ!$BD$20:$BD$65</definedName>
    <definedName name="_C0092" localSheetId="1">[1]ﾃﾞｰﾀ!$BD$20:$BD$65</definedName>
    <definedName name="_C0092">[2]ﾃﾞｰﾀ!$BD$20:$BD$65</definedName>
    <definedName name="_C0093" localSheetId="0">[1]ﾃﾞｰﾀ!$BE$20:$BE$65</definedName>
    <definedName name="_C0093" localSheetId="1">[1]ﾃﾞｰﾀ!$BE$20:$BE$65</definedName>
    <definedName name="_C0093">[2]ﾃﾞｰﾀ!$BE$20:$BE$65</definedName>
    <definedName name="_C0094" localSheetId="0">[1]ﾃﾞｰﾀ!$BF$20:$BF$65</definedName>
    <definedName name="_C0094" localSheetId="1">[1]ﾃﾞｰﾀ!$BF$20:$BF$65</definedName>
    <definedName name="_C0094">[2]ﾃﾞｰﾀ!$BF$20:$BF$65</definedName>
    <definedName name="_C0095" localSheetId="0">[1]ﾃﾞｰﾀ!$BG$20:$BG$65</definedName>
    <definedName name="_C0095" localSheetId="1">[1]ﾃﾞｰﾀ!$BG$20:$BG$65</definedName>
    <definedName name="_C0095">[2]ﾃﾞｰﾀ!$BG$20:$BG$65</definedName>
    <definedName name="_C0096" localSheetId="0">[1]ﾃﾞｰﾀ!$BH$20:$BH$65</definedName>
    <definedName name="_C0096" localSheetId="1">[1]ﾃﾞｰﾀ!$BH$20:$BH$65</definedName>
    <definedName name="_C0096">[2]ﾃﾞｰﾀ!$BH$20:$BH$65</definedName>
    <definedName name="_C0100" localSheetId="0">[1]ﾃﾞｰﾀ!$BI$20:$BI$65</definedName>
    <definedName name="_C0100" localSheetId="1">[1]ﾃﾞｰﾀ!$BI$20:$BI$65</definedName>
    <definedName name="_C0100">[2]ﾃﾞｰﾀ!$BI$20:$BI$65</definedName>
    <definedName name="_C0102" localSheetId="0">[1]ﾃﾞｰﾀ!$BJ$20:$BJ$65</definedName>
    <definedName name="_C0102" localSheetId="1">[1]ﾃﾞｰﾀ!$BJ$20:$BJ$65</definedName>
    <definedName name="_C0102">[2]ﾃﾞｰﾀ!$BJ$20:$BJ$65</definedName>
    <definedName name="_C0103" localSheetId="0">[1]ﾃﾞｰﾀ!$BK$20:$BK$65</definedName>
    <definedName name="_C0103" localSheetId="1">[1]ﾃﾞｰﾀ!$BK$20:$BK$65</definedName>
    <definedName name="_C0103">[2]ﾃﾞｰﾀ!$BK$20:$BK$65</definedName>
    <definedName name="_C0104" localSheetId="0">[1]ﾃﾞｰﾀ!$BL$20:$BL$65</definedName>
    <definedName name="_C0104" localSheetId="1">[1]ﾃﾞｰﾀ!$BL$20:$BL$65</definedName>
    <definedName name="_C0104">[2]ﾃﾞｰﾀ!$BL$20:$BL$65</definedName>
    <definedName name="_C0105" localSheetId="0">[1]ﾃﾞｰﾀ!$BM$20:$BM$65</definedName>
    <definedName name="_C0105" localSheetId="1">[1]ﾃﾞｰﾀ!$BM$20:$BM$65</definedName>
    <definedName name="_C0105">[2]ﾃﾞｰﾀ!$BM$20:$BM$65</definedName>
    <definedName name="_C0106" localSheetId="0">[1]ﾃﾞｰﾀ!$BN$20:$BN$65</definedName>
    <definedName name="_C0106" localSheetId="1">[1]ﾃﾞｰﾀ!$BN$20:$BN$65</definedName>
    <definedName name="_C0106">[2]ﾃﾞｰﾀ!$BN$20:$BN$65</definedName>
    <definedName name="_C0108" localSheetId="0">[1]ﾃﾞｰﾀ!$BO$20:$BO$65</definedName>
    <definedName name="_C0108" localSheetId="1">[1]ﾃﾞｰﾀ!$BO$20:$BO$65</definedName>
    <definedName name="_C0108">[2]ﾃﾞｰﾀ!$BO$20:$BO$65</definedName>
    <definedName name="_C1138" localSheetId="0">[1]ﾃﾞｰﾀ!$BP$20:$BP$65</definedName>
    <definedName name="_C1138" localSheetId="1">[1]ﾃﾞｰﾀ!$BP$20:$BP$65</definedName>
    <definedName name="_C1138">[2]ﾃﾞｰﾀ!$BP$20:$BP$65</definedName>
    <definedName name="_C1254" localSheetId="0">[1]ﾃﾞｰﾀ!$BQ$20:$BQ$65</definedName>
    <definedName name="_C1254" localSheetId="1">[1]ﾃﾞｰﾀ!$BQ$20:$BQ$65</definedName>
    <definedName name="_C1254">[2]ﾃﾞｰﾀ!$BQ$20:$BQ$65</definedName>
    <definedName name="_C1266" localSheetId="0">[1]ﾃﾞｰﾀ!$BR$20:$BR$65</definedName>
    <definedName name="_C1266" localSheetId="1">[1]ﾃﾞｰﾀ!$BR$20:$BR$65</definedName>
    <definedName name="_C1266">[2]ﾃﾞｰﾀ!$BR$20:$BR$65</definedName>
    <definedName name="_xlnm.Print_Area" localSheetId="0">'21'!$A$1:$C$41</definedName>
    <definedName name="_xlnm.Print_Area" localSheetId="1">'21 (2)'!$A$1:$K$42</definedName>
    <definedName name="_xlnm.Print_Titles" localSheetId="0">'21'!$A:$A</definedName>
    <definedName name="_xlnm.Print_Titles" localSheetId="1">'21 (2)'!$A:$A</definedName>
  </definedNames>
  <calcPr calcId="152511"/>
</workbook>
</file>

<file path=xl/calcChain.xml><?xml version="1.0" encoding="utf-8"?>
<calcChain xmlns="http://schemas.openxmlformats.org/spreadsheetml/2006/main">
  <c r="B27" i="2" l="1"/>
  <c r="K27" i="2" l="1"/>
  <c r="J27" i="2"/>
  <c r="I27" i="2"/>
  <c r="H27" i="2"/>
  <c r="G27" i="2"/>
  <c r="F27" i="2"/>
  <c r="E27" i="2"/>
  <c r="D27" i="2"/>
  <c r="C27" i="2"/>
</calcChain>
</file>

<file path=xl/sharedStrings.xml><?xml version="1.0" encoding="utf-8"?>
<sst xmlns="http://schemas.openxmlformats.org/spreadsheetml/2006/main" count="172" uniqueCount="103">
  <si>
    <t>構成団体名</t>
    <rPh sb="0" eb="2">
      <t>コウセイ</t>
    </rPh>
    <rPh sb="2" eb="4">
      <t>ダンタイ</t>
    </rPh>
    <rPh sb="4" eb="5">
      <t>メイ</t>
    </rPh>
    <phoneticPr fontId="1"/>
  </si>
  <si>
    <t>共同処理事務の概要</t>
    <rPh sb="0" eb="2">
      <t>キョウドウ</t>
    </rPh>
    <rPh sb="2" eb="4">
      <t>ショリ</t>
    </rPh>
    <phoneticPr fontId="1"/>
  </si>
  <si>
    <t>小田原市外二ヶ市町組合</t>
    <rPh sb="0" eb="4">
      <t>オダワラシ</t>
    </rPh>
    <rPh sb="4" eb="5">
      <t>ホカ</t>
    </rPh>
    <rPh sb="5" eb="6">
      <t>ニ</t>
    </rPh>
    <rPh sb="7" eb="8">
      <t>シ</t>
    </rPh>
    <rPh sb="8" eb="9">
      <t>マチ</t>
    </rPh>
    <rPh sb="9" eb="11">
      <t>クミアイ</t>
    </rPh>
    <phoneticPr fontId="1"/>
  </si>
  <si>
    <t>小田原市・南足柄市・大井町</t>
    <rPh sb="0" eb="4">
      <t>オダワラシ</t>
    </rPh>
    <rPh sb="5" eb="9">
      <t>ミナミアシガラシ</t>
    </rPh>
    <rPh sb="10" eb="13">
      <t>オオイマチ</t>
    </rPh>
    <phoneticPr fontId="1"/>
  </si>
  <si>
    <t>共有林野の管理処分</t>
    <rPh sb="0" eb="2">
      <t>キョウユウ</t>
    </rPh>
    <rPh sb="2" eb="4">
      <t>リンヤ</t>
    </rPh>
    <rPh sb="5" eb="7">
      <t>カンリ</t>
    </rPh>
    <rPh sb="7" eb="9">
      <t>ショブン</t>
    </rPh>
    <phoneticPr fontId="1"/>
  </si>
  <si>
    <t>南足柄市外五ケ市町組合</t>
    <rPh sb="0" eb="4">
      <t>ミナミアシガラシ</t>
    </rPh>
    <rPh sb="4" eb="5">
      <t>ホカ</t>
    </rPh>
    <rPh sb="5" eb="6">
      <t>ゴ</t>
    </rPh>
    <rPh sb="7" eb="9">
      <t>シチョウ</t>
    </rPh>
    <rPh sb="9" eb="11">
      <t>クミアイ</t>
    </rPh>
    <phoneticPr fontId="1"/>
  </si>
  <si>
    <t>小田原市・南足柄市・大井町・松田町・山北町・開成町</t>
    <rPh sb="0" eb="4">
      <t>オダワラシ</t>
    </rPh>
    <rPh sb="5" eb="9">
      <t>ミナミアシガラシ</t>
    </rPh>
    <rPh sb="10" eb="12">
      <t>オオイ</t>
    </rPh>
    <rPh sb="12" eb="13">
      <t>マチ</t>
    </rPh>
    <rPh sb="14" eb="16">
      <t>マツダ</t>
    </rPh>
    <rPh sb="16" eb="17">
      <t>マチ</t>
    </rPh>
    <rPh sb="18" eb="21">
      <t>ヤマキタマチ</t>
    </rPh>
    <rPh sb="22" eb="25">
      <t>カイセイマチ</t>
    </rPh>
    <phoneticPr fontId="1"/>
  </si>
  <si>
    <t>〃</t>
  </si>
  <si>
    <t>南足柄市外二ケ市町組合</t>
    <rPh sb="0" eb="4">
      <t>ミナミアシガラシ</t>
    </rPh>
    <rPh sb="4" eb="5">
      <t>ホカ</t>
    </rPh>
    <rPh sb="5" eb="6">
      <t>ニ</t>
    </rPh>
    <rPh sb="7" eb="9">
      <t>シチョウ</t>
    </rPh>
    <rPh sb="9" eb="11">
      <t>クミアイ</t>
    </rPh>
    <phoneticPr fontId="1"/>
  </si>
  <si>
    <t>小田原市・南足柄市・大井町</t>
    <rPh sb="0" eb="4">
      <t>オダワラシ</t>
    </rPh>
    <rPh sb="5" eb="9">
      <t>ミナミアシガラシ</t>
    </rPh>
    <rPh sb="10" eb="12">
      <t>オオイ</t>
    </rPh>
    <rPh sb="12" eb="13">
      <t>マチ</t>
    </rPh>
    <phoneticPr fontId="1"/>
  </si>
  <si>
    <t>南足柄市外二ケ町組合</t>
    <rPh sb="0" eb="4">
      <t>ミナミアシガラシ</t>
    </rPh>
    <rPh sb="4" eb="5">
      <t>ホカ</t>
    </rPh>
    <rPh sb="5" eb="6">
      <t>ニ</t>
    </rPh>
    <rPh sb="7" eb="8">
      <t>チョウ</t>
    </rPh>
    <rPh sb="8" eb="10">
      <t>クミアイ</t>
    </rPh>
    <phoneticPr fontId="1"/>
  </si>
  <si>
    <t>南足柄市・山北町・開成町</t>
    <rPh sb="0" eb="4">
      <t>ミナミアシガラシ</t>
    </rPh>
    <rPh sb="5" eb="8">
      <t>ヤマキタマチ</t>
    </rPh>
    <rPh sb="9" eb="11">
      <t>カイセイ</t>
    </rPh>
    <rPh sb="11" eb="12">
      <t>マチ</t>
    </rPh>
    <phoneticPr fontId="1"/>
  </si>
  <si>
    <t>南足柄市・山北町・開成町一部事務組合</t>
    <rPh sb="0" eb="4">
      <t>ミナミアシガラシ</t>
    </rPh>
    <rPh sb="5" eb="8">
      <t>ヤマキタマチ</t>
    </rPh>
    <rPh sb="9" eb="11">
      <t>カイセイ</t>
    </rPh>
    <rPh sb="11" eb="12">
      <t>マチ</t>
    </rPh>
    <rPh sb="12" eb="14">
      <t>イチブ</t>
    </rPh>
    <rPh sb="14" eb="16">
      <t>ジム</t>
    </rPh>
    <rPh sb="16" eb="18">
      <t>クミアイ</t>
    </rPh>
    <phoneticPr fontId="1"/>
  </si>
  <si>
    <t>松田町外三ヶ町組合</t>
    <rPh sb="0" eb="2">
      <t>マツダ</t>
    </rPh>
    <rPh sb="2" eb="3">
      <t>マチ</t>
    </rPh>
    <rPh sb="3" eb="4">
      <t>ホカ</t>
    </rPh>
    <rPh sb="4" eb="5">
      <t>サン</t>
    </rPh>
    <rPh sb="6" eb="7">
      <t>チョウ</t>
    </rPh>
    <rPh sb="7" eb="9">
      <t>クミアイ</t>
    </rPh>
    <phoneticPr fontId="1"/>
  </si>
  <si>
    <t>松田町・山北町・開成町・大井町</t>
    <rPh sb="0" eb="2">
      <t>マツダ</t>
    </rPh>
    <rPh sb="2" eb="3">
      <t>マチ</t>
    </rPh>
    <rPh sb="4" eb="7">
      <t>ヤマキタマチ</t>
    </rPh>
    <rPh sb="8" eb="11">
      <t>カイセイマチ</t>
    </rPh>
    <rPh sb="12" eb="15">
      <t>オオイマチ</t>
    </rPh>
    <phoneticPr fontId="1"/>
  </si>
  <si>
    <t>松田町外二ヶ町組合</t>
    <rPh sb="0" eb="2">
      <t>マツダ</t>
    </rPh>
    <rPh sb="2" eb="3">
      <t>マチ</t>
    </rPh>
    <rPh sb="3" eb="4">
      <t>ホカ</t>
    </rPh>
    <rPh sb="4" eb="5">
      <t>ニ</t>
    </rPh>
    <rPh sb="6" eb="7">
      <t>チョウ</t>
    </rPh>
    <rPh sb="7" eb="9">
      <t>クミアイ</t>
    </rPh>
    <phoneticPr fontId="1"/>
  </si>
  <si>
    <t>松田町・大井町・開成町</t>
    <rPh sb="0" eb="2">
      <t>マツダ</t>
    </rPh>
    <rPh sb="2" eb="3">
      <t>マチ</t>
    </rPh>
    <rPh sb="4" eb="7">
      <t>オオイマチ</t>
    </rPh>
    <rPh sb="8" eb="11">
      <t>カイセイマチ</t>
    </rPh>
    <phoneticPr fontId="1"/>
  </si>
  <si>
    <t>箱根町外二カ市組合</t>
    <rPh sb="0" eb="3">
      <t>ハコネマチ</t>
    </rPh>
    <rPh sb="3" eb="4">
      <t>ホカ</t>
    </rPh>
    <rPh sb="4" eb="5">
      <t>ニ</t>
    </rPh>
    <rPh sb="6" eb="7">
      <t>シ</t>
    </rPh>
    <rPh sb="7" eb="9">
      <t>クミアイ</t>
    </rPh>
    <phoneticPr fontId="1"/>
  </si>
  <si>
    <t>小田原市・南足柄市・箱根町</t>
    <rPh sb="0" eb="4">
      <t>オダワラシ</t>
    </rPh>
    <rPh sb="5" eb="9">
      <t>ミナミアシガラシ</t>
    </rPh>
    <rPh sb="10" eb="13">
      <t>ハコネマチ</t>
    </rPh>
    <phoneticPr fontId="1"/>
  </si>
  <si>
    <t>南足柄市外四ケ市町組合</t>
    <rPh sb="0" eb="4">
      <t>ミナミアシガラシ</t>
    </rPh>
    <rPh sb="4" eb="5">
      <t>ホカ</t>
    </rPh>
    <rPh sb="5" eb="6">
      <t>ヨン</t>
    </rPh>
    <rPh sb="7" eb="9">
      <t>シチョウ</t>
    </rPh>
    <rPh sb="9" eb="11">
      <t>クミアイ</t>
    </rPh>
    <phoneticPr fontId="1"/>
  </si>
  <si>
    <t>小田原市・南足柄市・大井町・開成町・箱根町</t>
    <rPh sb="0" eb="4">
      <t>オダワラシ</t>
    </rPh>
    <rPh sb="5" eb="9">
      <t>ミナミアシガラシ</t>
    </rPh>
    <rPh sb="10" eb="13">
      <t>オオイマチ</t>
    </rPh>
    <rPh sb="14" eb="17">
      <t>カイセイマチ</t>
    </rPh>
    <rPh sb="18" eb="21">
      <t>ハコネマチ</t>
    </rPh>
    <phoneticPr fontId="1"/>
  </si>
  <si>
    <t>金目川水害予防組合</t>
    <rPh sb="0" eb="1">
      <t>カナ</t>
    </rPh>
    <rPh sb="1" eb="2">
      <t>メ</t>
    </rPh>
    <rPh sb="2" eb="3">
      <t>ガワ</t>
    </rPh>
    <rPh sb="3" eb="5">
      <t>スイガイ</t>
    </rPh>
    <rPh sb="5" eb="7">
      <t>ヨボウ</t>
    </rPh>
    <rPh sb="7" eb="9">
      <t>クミアイ</t>
    </rPh>
    <phoneticPr fontId="1"/>
  </si>
  <si>
    <t>平塚市・秦野市・伊勢原市</t>
    <rPh sb="0" eb="3">
      <t>ヒラツカシ</t>
    </rPh>
    <rPh sb="4" eb="7">
      <t>ハダノシ</t>
    </rPh>
    <rPh sb="8" eb="12">
      <t>イセハラシ</t>
    </rPh>
    <phoneticPr fontId="1"/>
  </si>
  <si>
    <t>山林の管理処分</t>
    <rPh sb="0" eb="2">
      <t>サンリン</t>
    </rPh>
    <rPh sb="3" eb="5">
      <t>カンリ</t>
    </rPh>
    <rPh sb="5" eb="7">
      <t>ショブン</t>
    </rPh>
    <phoneticPr fontId="1"/>
  </si>
  <si>
    <t>秦野市伊勢原市環境衛生組合</t>
    <rPh sb="0" eb="3">
      <t>ハダノシ</t>
    </rPh>
    <rPh sb="3" eb="7">
      <t>イセハラシ</t>
    </rPh>
    <rPh sb="7" eb="9">
      <t>カンキョウ</t>
    </rPh>
    <rPh sb="9" eb="11">
      <t>エイセイ</t>
    </rPh>
    <rPh sb="11" eb="13">
      <t>クミアイ</t>
    </rPh>
    <phoneticPr fontId="1"/>
  </si>
  <si>
    <t>秦野市・伊勢原市</t>
    <rPh sb="0" eb="3">
      <t>ハダノシ</t>
    </rPh>
    <rPh sb="4" eb="8">
      <t>イセハラシ</t>
    </rPh>
    <phoneticPr fontId="1"/>
  </si>
  <si>
    <t>塵芥の終末処理施設、葬祭施設の設置管理</t>
    <rPh sb="0" eb="2">
      <t>ジンカイ</t>
    </rPh>
    <rPh sb="3" eb="5">
      <t>シュウマツ</t>
    </rPh>
    <rPh sb="5" eb="7">
      <t>ショリ</t>
    </rPh>
    <rPh sb="7" eb="9">
      <t>シセツ</t>
    </rPh>
    <rPh sb="10" eb="12">
      <t>ソウサイ</t>
    </rPh>
    <rPh sb="12" eb="14">
      <t>シセツ</t>
    </rPh>
    <rPh sb="15" eb="17">
      <t>セッチ</t>
    </rPh>
    <rPh sb="17" eb="19">
      <t>カンリ</t>
    </rPh>
    <phoneticPr fontId="1"/>
  </si>
  <si>
    <t>海老名市・座間市・綾瀬市</t>
    <rPh sb="0" eb="4">
      <t>エビナシ</t>
    </rPh>
    <rPh sb="5" eb="8">
      <t>ザマシ</t>
    </rPh>
    <rPh sb="9" eb="12">
      <t>アヤセシ</t>
    </rPh>
    <phoneticPr fontId="1"/>
  </si>
  <si>
    <t>南足柄市・中井町・大井町・松田町・山北町・開成町</t>
    <rPh sb="0" eb="4">
      <t>ミナミアシガラシ</t>
    </rPh>
    <rPh sb="5" eb="7">
      <t>ナカイ</t>
    </rPh>
    <rPh sb="7" eb="8">
      <t>マチ</t>
    </rPh>
    <rPh sb="9" eb="12">
      <t>オオイマチ</t>
    </rPh>
    <rPh sb="13" eb="15">
      <t>マツダ</t>
    </rPh>
    <rPh sb="15" eb="16">
      <t>マチ</t>
    </rPh>
    <rPh sb="17" eb="20">
      <t>ヤマキタマチ</t>
    </rPh>
    <rPh sb="21" eb="24">
      <t>カイセイマチ</t>
    </rPh>
    <phoneticPr fontId="1"/>
  </si>
  <si>
    <t>し尿の処理、休日急患診療所の設置管理、医療機関等の相互の連携推進、介護認定審査事務</t>
    <rPh sb="0" eb="2">
      <t>シニョウ</t>
    </rPh>
    <rPh sb="3" eb="5">
      <t>ショリ</t>
    </rPh>
    <rPh sb="6" eb="8">
      <t>キュウジツ</t>
    </rPh>
    <rPh sb="8" eb="9">
      <t>キュウ</t>
    </rPh>
    <rPh sb="9" eb="10">
      <t>シッカン</t>
    </rPh>
    <rPh sb="10" eb="13">
      <t>シンリョウジョ</t>
    </rPh>
    <rPh sb="14" eb="16">
      <t>セッチ</t>
    </rPh>
    <rPh sb="16" eb="18">
      <t>カンリ</t>
    </rPh>
    <rPh sb="19" eb="21">
      <t>イリョウ</t>
    </rPh>
    <rPh sb="21" eb="23">
      <t>キカン</t>
    </rPh>
    <rPh sb="23" eb="24">
      <t>トウ</t>
    </rPh>
    <rPh sb="25" eb="27">
      <t>ソウゴ</t>
    </rPh>
    <rPh sb="28" eb="30">
      <t>レンケイ</t>
    </rPh>
    <rPh sb="30" eb="32">
      <t>スイシン</t>
    </rPh>
    <rPh sb="33" eb="35">
      <t>カイゴ</t>
    </rPh>
    <rPh sb="35" eb="37">
      <t>ニンテイ</t>
    </rPh>
    <rPh sb="37" eb="39">
      <t>シンサ</t>
    </rPh>
    <rPh sb="39" eb="41">
      <t>ジム</t>
    </rPh>
    <phoneticPr fontId="1"/>
  </si>
  <si>
    <t>真鶴町・湯河原町</t>
    <rPh sb="0" eb="2">
      <t>マナヅル</t>
    </rPh>
    <rPh sb="2" eb="3">
      <t>マチ</t>
    </rPh>
    <rPh sb="4" eb="8">
      <t>ユガワラマチ</t>
    </rPh>
    <phoneticPr fontId="1"/>
  </si>
  <si>
    <t>塵芥処理</t>
    <rPh sb="0" eb="2">
      <t>ジンカイ</t>
    </rPh>
    <rPh sb="2" eb="4">
      <t>ショリ</t>
    </rPh>
    <phoneticPr fontId="1"/>
  </si>
  <si>
    <t>中井町・大井町・松田町</t>
    <rPh sb="0" eb="2">
      <t>ナカイ</t>
    </rPh>
    <rPh sb="2" eb="3">
      <t>マチ</t>
    </rPh>
    <rPh sb="4" eb="7">
      <t>オオイマチ</t>
    </rPh>
    <rPh sb="8" eb="11">
      <t>マツダマチ</t>
    </rPh>
    <phoneticPr fontId="1"/>
  </si>
  <si>
    <t>山北町・開成町</t>
    <rPh sb="0" eb="3">
      <t>ヤマキタマチ</t>
    </rPh>
    <rPh sb="4" eb="7">
      <t>カイセイマチ</t>
    </rPh>
    <phoneticPr fontId="1"/>
  </si>
  <si>
    <t>広域大和斎場組合</t>
    <rPh sb="0" eb="2">
      <t>コウイキ</t>
    </rPh>
    <rPh sb="2" eb="4">
      <t>ヤマト</t>
    </rPh>
    <rPh sb="4" eb="6">
      <t>サイジョウ</t>
    </rPh>
    <rPh sb="6" eb="8">
      <t>クミアイ</t>
    </rPh>
    <phoneticPr fontId="1"/>
  </si>
  <si>
    <t>大和市・海老名市・座間市・綾瀬市</t>
    <rPh sb="0" eb="3">
      <t>ヤマトシ</t>
    </rPh>
    <rPh sb="4" eb="8">
      <t>エビナシ</t>
    </rPh>
    <rPh sb="9" eb="12">
      <t>ザマシ</t>
    </rPh>
    <rPh sb="13" eb="16">
      <t>アヤセシ</t>
    </rPh>
    <phoneticPr fontId="1"/>
  </si>
  <si>
    <t>斎場の設置、管理及び運営</t>
    <rPh sb="0" eb="2">
      <t>サイジョウ</t>
    </rPh>
    <rPh sb="3" eb="5">
      <t>セッチ</t>
    </rPh>
    <rPh sb="6" eb="8">
      <t>カンリ</t>
    </rPh>
    <rPh sb="8" eb="9">
      <t>オヨ</t>
    </rPh>
    <rPh sb="10" eb="12">
      <t>ウンエイ</t>
    </rPh>
    <phoneticPr fontId="1"/>
  </si>
  <si>
    <t>神奈川県市町村職員退職手当組合</t>
    <rPh sb="0" eb="4">
      <t>カナガワケン</t>
    </rPh>
    <rPh sb="4" eb="7">
      <t>シチョウソン</t>
    </rPh>
    <rPh sb="7" eb="9">
      <t>ショクイン</t>
    </rPh>
    <rPh sb="9" eb="11">
      <t>タイショク</t>
    </rPh>
    <rPh sb="11" eb="13">
      <t>テアテ</t>
    </rPh>
    <rPh sb="13" eb="15">
      <t>クミアイ</t>
    </rPh>
    <phoneticPr fontId="1"/>
  </si>
  <si>
    <t>退職手当の支給事務</t>
    <rPh sb="0" eb="2">
      <t>タイショク</t>
    </rPh>
    <rPh sb="2" eb="4">
      <t>テアテ</t>
    </rPh>
    <rPh sb="5" eb="7">
      <t>シキュウ</t>
    </rPh>
    <rPh sb="7" eb="9">
      <t>ジム</t>
    </rPh>
    <phoneticPr fontId="1"/>
  </si>
  <si>
    <t>厚木愛甲環境施設組合</t>
    <rPh sb="0" eb="2">
      <t>アツギ</t>
    </rPh>
    <rPh sb="2" eb="4">
      <t>アイコウ</t>
    </rPh>
    <rPh sb="4" eb="6">
      <t>カンキョウ</t>
    </rPh>
    <rPh sb="6" eb="8">
      <t>シセツ</t>
    </rPh>
    <rPh sb="8" eb="10">
      <t>クミアイ</t>
    </rPh>
    <phoneticPr fontId="1"/>
  </si>
  <si>
    <t>厚木市・愛川町・清川村</t>
    <rPh sb="0" eb="3">
      <t>アツギシ</t>
    </rPh>
    <rPh sb="4" eb="7">
      <t>アイカワマチ</t>
    </rPh>
    <rPh sb="8" eb="10">
      <t>キヨカワ</t>
    </rPh>
    <rPh sb="10" eb="11">
      <t>ムラ</t>
    </rPh>
    <phoneticPr fontId="1"/>
  </si>
  <si>
    <t>一般廃棄物処理施設の設置</t>
    <rPh sb="0" eb="2">
      <t>イッパン</t>
    </rPh>
    <rPh sb="2" eb="5">
      <t>ハイキブツ</t>
    </rPh>
    <rPh sb="5" eb="7">
      <t>ショリ</t>
    </rPh>
    <rPh sb="7" eb="9">
      <t>シセツ</t>
    </rPh>
    <rPh sb="10" eb="12">
      <t>セッチ</t>
    </rPh>
    <phoneticPr fontId="1"/>
  </si>
  <si>
    <t>神奈川県後期高齢者医療広域連合</t>
    <rPh sb="0" eb="4">
      <t>カナガワケン</t>
    </rPh>
    <rPh sb="4" eb="6">
      <t>コウキ</t>
    </rPh>
    <rPh sb="6" eb="9">
      <t>コウレイシャ</t>
    </rPh>
    <rPh sb="9" eb="11">
      <t>イリョウ</t>
    </rPh>
    <rPh sb="11" eb="13">
      <t>コウイキ</t>
    </rPh>
    <rPh sb="13" eb="15">
      <t>レンゴウ</t>
    </rPh>
    <phoneticPr fontId="1"/>
  </si>
  <si>
    <t>全市町村</t>
    <rPh sb="0" eb="1">
      <t>ゼン</t>
    </rPh>
    <rPh sb="1" eb="3">
      <t>シチョウ</t>
    </rPh>
    <rPh sb="3" eb="4">
      <t>ソン</t>
    </rPh>
    <phoneticPr fontId="1"/>
  </si>
  <si>
    <t>後期高齢者医療事務</t>
    <rPh sb="0" eb="2">
      <t>コウキ</t>
    </rPh>
    <rPh sb="2" eb="5">
      <t>コウレイシャ</t>
    </rPh>
    <rPh sb="5" eb="7">
      <t>イリョウ</t>
    </rPh>
    <rPh sb="7" eb="9">
      <t>ジム</t>
    </rPh>
    <phoneticPr fontId="1"/>
  </si>
  <si>
    <t>全町村</t>
  </si>
  <si>
    <t>　以外の会計に属する一部事務組合</t>
    <rPh sb="4" eb="6">
      <t>カイケイ</t>
    </rPh>
    <rPh sb="7" eb="8">
      <t>ゾク</t>
    </rPh>
    <rPh sb="10" eb="12">
      <t>イチブ</t>
    </rPh>
    <rPh sb="12" eb="14">
      <t>ジム</t>
    </rPh>
    <rPh sb="14" eb="16">
      <t>クミアイ</t>
    </rPh>
    <phoneticPr fontId="1"/>
  </si>
  <si>
    <t>神奈川県川崎競馬組合</t>
    <rPh sb="0" eb="4">
      <t>カナガワケン</t>
    </rPh>
    <rPh sb="4" eb="6">
      <t>カワサキ</t>
    </rPh>
    <rPh sb="6" eb="8">
      <t>ケイバ</t>
    </rPh>
    <rPh sb="8" eb="10">
      <t>クミアイ</t>
    </rPh>
    <phoneticPr fontId="1"/>
  </si>
  <si>
    <t>神奈川県・川崎市</t>
    <rPh sb="0" eb="4">
      <t>カナガワケン</t>
    </rPh>
    <rPh sb="5" eb="7">
      <t>カワサキ</t>
    </rPh>
    <rPh sb="7" eb="8">
      <t>ヨコハマシ</t>
    </rPh>
    <phoneticPr fontId="1"/>
  </si>
  <si>
    <t>地方競馬の開催</t>
    <rPh sb="0" eb="2">
      <t>チホウ</t>
    </rPh>
    <rPh sb="2" eb="4">
      <t>ケイバ</t>
    </rPh>
    <rPh sb="5" eb="7">
      <t>カイサイ</t>
    </rPh>
    <phoneticPr fontId="1"/>
  </si>
  <si>
    <t>全市町村</t>
    <rPh sb="0" eb="1">
      <t>ゼン</t>
    </rPh>
    <rPh sb="1" eb="4">
      <t>シチョウソン</t>
    </rPh>
    <phoneticPr fontId="1"/>
  </si>
  <si>
    <t>※その他、公営企業会計に属する一部事務組合として、</t>
    <rPh sb="3" eb="4">
      <t>タ</t>
    </rPh>
    <rPh sb="5" eb="7">
      <t>コウエイ</t>
    </rPh>
    <rPh sb="7" eb="9">
      <t>キギョウ</t>
    </rPh>
    <rPh sb="9" eb="11">
      <t>カイケイ</t>
    </rPh>
    <rPh sb="12" eb="13">
      <t>ゾク</t>
    </rPh>
    <rPh sb="15" eb="17">
      <t>イチブ</t>
    </rPh>
    <rPh sb="17" eb="19">
      <t>ジム</t>
    </rPh>
    <rPh sb="19" eb="21">
      <t>クミアイ</t>
    </rPh>
    <phoneticPr fontId="2"/>
  </si>
  <si>
    <t>　「神奈川県内広域水道企業団」があります。</t>
    <rPh sb="6" eb="7">
      <t>ナイ</t>
    </rPh>
    <rPh sb="9" eb="11">
      <t>スイドウ</t>
    </rPh>
    <rPh sb="13" eb="14">
      <t>ダン</t>
    </rPh>
    <phoneticPr fontId="2"/>
  </si>
  <si>
    <t>　　処理事務：水道用水供給事業）</t>
    <rPh sb="2" eb="4">
      <t>ショリ</t>
    </rPh>
    <rPh sb="4" eb="6">
      <t>ジム</t>
    </rPh>
    <rPh sb="7" eb="9">
      <t>スイドウ</t>
    </rPh>
    <rPh sb="9" eb="11">
      <t>ヨウスイ</t>
    </rPh>
    <rPh sb="11" eb="13">
      <t>キョウキュウ</t>
    </rPh>
    <rPh sb="13" eb="15">
      <t>ジギョウ</t>
    </rPh>
    <phoneticPr fontId="2"/>
  </si>
  <si>
    <t>歳入総額</t>
  </si>
  <si>
    <t>歳出総額</t>
  </si>
  <si>
    <t>歳入歳出</t>
    <rPh sb="0" eb="2">
      <t>サイニュウ</t>
    </rPh>
    <rPh sb="2" eb="4">
      <t>サイシュツ</t>
    </rPh>
    <phoneticPr fontId="2"/>
  </si>
  <si>
    <t>翌年度に</t>
    <rPh sb="0" eb="3">
      <t>ヨクネンド</t>
    </rPh>
    <phoneticPr fontId="2"/>
  </si>
  <si>
    <t>実質収支</t>
  </si>
  <si>
    <t>単年度収支</t>
  </si>
  <si>
    <t>積立金</t>
    <rPh sb="0" eb="3">
      <t>ツミタテキン</t>
    </rPh>
    <phoneticPr fontId="3"/>
  </si>
  <si>
    <t>繰上償還金</t>
    <rPh sb="0" eb="2">
      <t>クリアゲ</t>
    </rPh>
    <phoneticPr fontId="3"/>
  </si>
  <si>
    <t>積立金</t>
    <rPh sb="0" eb="2">
      <t>ツミタテ</t>
    </rPh>
    <rPh sb="2" eb="3">
      <t>キン</t>
    </rPh>
    <phoneticPr fontId="2"/>
  </si>
  <si>
    <t>実質単年度</t>
    <rPh sb="0" eb="2">
      <t>ジッシツ</t>
    </rPh>
    <phoneticPr fontId="3"/>
  </si>
  <si>
    <t>差引</t>
    <rPh sb="0" eb="2">
      <t>サシヒ</t>
    </rPh>
    <phoneticPr fontId="2"/>
  </si>
  <si>
    <t>繰り越す</t>
    <rPh sb="0" eb="1">
      <t>ク</t>
    </rPh>
    <rPh sb="2" eb="3">
      <t>コ</t>
    </rPh>
    <phoneticPr fontId="2"/>
  </si>
  <si>
    <t>取崩し額</t>
    <rPh sb="0" eb="1">
      <t>ト</t>
    </rPh>
    <rPh sb="1" eb="2">
      <t>クズ</t>
    </rPh>
    <rPh sb="3" eb="4">
      <t>ガク</t>
    </rPh>
    <phoneticPr fontId="2"/>
  </si>
  <si>
    <t>収支</t>
    <rPh sb="0" eb="2">
      <t>シュウシ</t>
    </rPh>
    <phoneticPr fontId="2"/>
  </si>
  <si>
    <t>Ａ－Ｂ</t>
    <phoneticPr fontId="2"/>
  </si>
  <si>
    <t>べき財源</t>
    <rPh sb="2" eb="4">
      <t>ザイゲン</t>
    </rPh>
    <phoneticPr fontId="2"/>
  </si>
  <si>
    <t>Ｃ－Ｄ</t>
  </si>
  <si>
    <t>Ａ</t>
  </si>
  <si>
    <t>Ｂ</t>
  </si>
  <si>
    <t>Ｄ</t>
  </si>
  <si>
    <t>合計</t>
    <rPh sb="0" eb="2">
      <t>ゴウケイ</t>
    </rPh>
    <phoneticPr fontId="2"/>
  </si>
  <si>
    <t>形式収支</t>
  </si>
  <si>
    <t>※参考　普通会計・公営企業会計</t>
    <phoneticPr fontId="2"/>
  </si>
  <si>
    <t>Ｃ</t>
    <phoneticPr fontId="2"/>
  </si>
  <si>
    <t>町村情報ネットワーク・共同利用型情報システムサービスの整備、管理及び運営</t>
    <phoneticPr fontId="2"/>
  </si>
  <si>
    <t>※参考　普通会計・公営企業会計</t>
    <phoneticPr fontId="2"/>
  </si>
  <si>
    <t>　（構成団体名：神奈川県・横浜市・川崎市・横須賀市、</t>
    <phoneticPr fontId="2"/>
  </si>
  <si>
    <t>Ｃ</t>
    <phoneticPr fontId="2"/>
  </si>
  <si>
    <t>Ｆ</t>
    <phoneticPr fontId="2"/>
  </si>
  <si>
    <t>Ｇ</t>
    <phoneticPr fontId="2"/>
  </si>
  <si>
    <t>Ｈ</t>
    <phoneticPr fontId="2"/>
  </si>
  <si>
    <t>Ｅ</t>
    <phoneticPr fontId="2"/>
  </si>
  <si>
    <t>Ｅ＋Ｆ＋</t>
    <phoneticPr fontId="2"/>
  </si>
  <si>
    <t>Ｇ－Ｈ</t>
    <phoneticPr fontId="2"/>
  </si>
  <si>
    <t>塵芥・し尿処理施設、老人福祉センター、屋内温水プール及びし尿、塵芥処理施設の周辺地域の環境保全に資する都市公園の設置管理</t>
    <rPh sb="0" eb="2">
      <t>ジンカイ</t>
    </rPh>
    <rPh sb="3" eb="5">
      <t>シニョウ</t>
    </rPh>
    <rPh sb="5" eb="7">
      <t>ショリ</t>
    </rPh>
    <rPh sb="7" eb="9">
      <t>シセツ</t>
    </rPh>
    <rPh sb="10" eb="12">
      <t>ロウジン</t>
    </rPh>
    <rPh sb="12" eb="14">
      <t>フクシ</t>
    </rPh>
    <rPh sb="19" eb="21">
      <t>オクナイ</t>
    </rPh>
    <rPh sb="21" eb="23">
      <t>オンスイ</t>
    </rPh>
    <rPh sb="26" eb="27">
      <t>オヨ</t>
    </rPh>
    <rPh sb="29" eb="30">
      <t>ニョウ</t>
    </rPh>
    <rPh sb="31" eb="33">
      <t>ジンカイ</t>
    </rPh>
    <rPh sb="33" eb="35">
      <t>ショリ</t>
    </rPh>
    <rPh sb="35" eb="37">
      <t>シセツ</t>
    </rPh>
    <rPh sb="38" eb="40">
      <t>シュウヘン</t>
    </rPh>
    <rPh sb="40" eb="42">
      <t>チイキ</t>
    </rPh>
    <rPh sb="43" eb="45">
      <t>カンキョウ</t>
    </rPh>
    <rPh sb="45" eb="47">
      <t>ホゼン</t>
    </rPh>
    <rPh sb="48" eb="49">
      <t>シ</t>
    </rPh>
    <rPh sb="51" eb="53">
      <t>トシ</t>
    </rPh>
    <rPh sb="53" eb="55">
      <t>コウエン</t>
    </rPh>
    <phoneticPr fontId="1"/>
  </si>
  <si>
    <t>高座清掃施設組合（*）</t>
    <rPh sb="0" eb="2">
      <t>コウザ</t>
    </rPh>
    <rPh sb="2" eb="4">
      <t>セイソウ</t>
    </rPh>
    <rPh sb="4" eb="6">
      <t>シセツ</t>
    </rPh>
    <rPh sb="6" eb="8">
      <t>クミアイ</t>
    </rPh>
    <phoneticPr fontId="1"/>
  </si>
  <si>
    <t>足柄上衛生組合（*）</t>
    <rPh sb="0" eb="3">
      <t>アシガラカミ</t>
    </rPh>
    <rPh sb="3" eb="5">
      <t>エイセイ</t>
    </rPh>
    <rPh sb="5" eb="7">
      <t>クミアイ</t>
    </rPh>
    <phoneticPr fontId="1"/>
  </si>
  <si>
    <t>湯河原町真鶴町衛生組合（*）</t>
    <rPh sb="0" eb="4">
      <t>ユガワラマチ</t>
    </rPh>
    <rPh sb="4" eb="6">
      <t>マナヅル</t>
    </rPh>
    <rPh sb="6" eb="7">
      <t>マチ</t>
    </rPh>
    <rPh sb="7" eb="9">
      <t>エイセイ</t>
    </rPh>
    <rPh sb="9" eb="11">
      <t>クミアイ</t>
    </rPh>
    <phoneticPr fontId="1"/>
  </si>
  <si>
    <t>足柄東部清掃組合（*）</t>
    <rPh sb="0" eb="2">
      <t>アシガラ</t>
    </rPh>
    <rPh sb="2" eb="4">
      <t>トウブ</t>
    </rPh>
    <rPh sb="4" eb="6">
      <t>セイソウ</t>
    </rPh>
    <rPh sb="6" eb="8">
      <t>クミアイ</t>
    </rPh>
    <phoneticPr fontId="1"/>
  </si>
  <si>
    <t>足柄西部清掃組合（*）</t>
    <rPh sb="0" eb="2">
      <t>アシガラ</t>
    </rPh>
    <rPh sb="2" eb="4">
      <t>セイブ</t>
    </rPh>
    <rPh sb="4" eb="6">
      <t>セイソウ</t>
    </rPh>
    <rPh sb="6" eb="8">
      <t>クミアイ</t>
    </rPh>
    <phoneticPr fontId="1"/>
  </si>
  <si>
    <t>伊勢原市・海老名市・南足柄市・全町村・高座清掃施設組合外５組合（*）</t>
    <rPh sb="0" eb="4">
      <t>イセハラシ</t>
    </rPh>
    <rPh sb="5" eb="9">
      <t>エビナシ</t>
    </rPh>
    <rPh sb="10" eb="14">
      <t>ミナミアシガラシ</t>
    </rPh>
    <rPh sb="15" eb="16">
      <t>ゼン</t>
    </rPh>
    <rPh sb="16" eb="18">
      <t>チョウソン</t>
    </rPh>
    <rPh sb="19" eb="21">
      <t>コウザ</t>
    </rPh>
    <rPh sb="21" eb="23">
      <t>セイソウ</t>
    </rPh>
    <rPh sb="23" eb="25">
      <t>シセツ</t>
    </rPh>
    <rPh sb="25" eb="27">
      <t>クミアイ</t>
    </rPh>
    <rPh sb="27" eb="28">
      <t>ホカ</t>
    </rPh>
    <rPh sb="29" eb="31">
      <t>クミアイ</t>
    </rPh>
    <phoneticPr fontId="1"/>
  </si>
  <si>
    <t>神奈川県町村情報システム共同事業組合（*）</t>
    <phoneticPr fontId="2"/>
  </si>
  <si>
    <t>高座清掃施設組合</t>
    <rPh sb="0" eb="2">
      <t>コウザ</t>
    </rPh>
    <rPh sb="2" eb="4">
      <t>セイソウ</t>
    </rPh>
    <rPh sb="4" eb="6">
      <t>シセツ</t>
    </rPh>
    <rPh sb="6" eb="8">
      <t>クミアイ</t>
    </rPh>
    <phoneticPr fontId="1"/>
  </si>
  <si>
    <t>足柄上衛生組合</t>
    <rPh sb="0" eb="3">
      <t>アシガラカミ</t>
    </rPh>
    <rPh sb="3" eb="5">
      <t>エイセイ</t>
    </rPh>
    <rPh sb="5" eb="7">
      <t>クミアイ</t>
    </rPh>
    <phoneticPr fontId="1"/>
  </si>
  <si>
    <t>湯河原町真鶴町衛生組合</t>
    <rPh sb="0" eb="4">
      <t>ユガワラマチ</t>
    </rPh>
    <rPh sb="4" eb="6">
      <t>マナヅル</t>
    </rPh>
    <rPh sb="6" eb="7">
      <t>マチ</t>
    </rPh>
    <rPh sb="7" eb="9">
      <t>エイセイ</t>
    </rPh>
    <rPh sb="9" eb="11">
      <t>クミアイ</t>
    </rPh>
    <phoneticPr fontId="1"/>
  </si>
  <si>
    <t>足柄東部清掃組合</t>
    <rPh sb="0" eb="2">
      <t>アシガラ</t>
    </rPh>
    <rPh sb="2" eb="4">
      <t>トウブ</t>
    </rPh>
    <rPh sb="4" eb="6">
      <t>セイソウ</t>
    </rPh>
    <rPh sb="6" eb="8">
      <t>クミアイ</t>
    </rPh>
    <phoneticPr fontId="1"/>
  </si>
  <si>
    <t>足柄西部清掃組合</t>
    <rPh sb="0" eb="2">
      <t>アシガラ</t>
    </rPh>
    <rPh sb="2" eb="4">
      <t>セイブ</t>
    </rPh>
    <rPh sb="4" eb="6">
      <t>セイソウ</t>
    </rPh>
    <rPh sb="6" eb="8">
      <t>クミアイ</t>
    </rPh>
    <phoneticPr fontId="1"/>
  </si>
  <si>
    <t>神奈川県町村情報システム共同事業組合</t>
    <phoneticPr fontId="2"/>
  </si>
  <si>
    <t>(*)神奈川県市町村職員退職手当組合に加入している一部事務組合</t>
    <rPh sb="3" eb="7">
      <t>カナガワケン</t>
    </rPh>
    <rPh sb="7" eb="10">
      <t>シチョウソン</t>
    </rPh>
    <rPh sb="10" eb="12">
      <t>ショクイン</t>
    </rPh>
    <rPh sb="12" eb="14">
      <t>タイショク</t>
    </rPh>
    <rPh sb="14" eb="16">
      <t>テアテ</t>
    </rPh>
    <rPh sb="16" eb="18">
      <t>クミアイ</t>
    </rPh>
    <rPh sb="19" eb="21">
      <t>カニュ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7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41">
    <xf numFmtId="0" fontId="0" fillId="0" borderId="0" xfId="0">
      <alignment vertical="center"/>
    </xf>
    <xf numFmtId="176" fontId="4" fillId="0" borderId="0" xfId="0" applyNumberFormat="1" applyFont="1" applyAlignment="1">
      <alignment vertical="center" shrinkToFit="1"/>
    </xf>
    <xf numFmtId="176" fontId="4" fillId="0" borderId="0" xfId="0" applyNumberFormat="1" applyFont="1" applyBorder="1" applyAlignment="1">
      <alignment vertical="center" shrinkToFit="1"/>
    </xf>
    <xf numFmtId="0" fontId="4" fillId="0" borderId="0" xfId="0" applyFont="1" applyBorder="1" applyAlignment="1">
      <alignment horizontal="center" vertical="center"/>
    </xf>
    <xf numFmtId="176" fontId="4" fillId="0" borderId="12" xfId="0" applyNumberFormat="1" applyFont="1" applyBorder="1" applyAlignment="1">
      <alignment vertical="center" shrinkToFit="1"/>
    </xf>
    <xf numFmtId="0" fontId="4" fillId="0" borderId="0" xfId="0" applyFont="1" applyAlignment="1">
      <alignment horizontal="center" vertical="center"/>
    </xf>
    <xf numFmtId="0" fontId="5" fillId="0" borderId="1" xfId="0" applyNumberFormat="1" applyFont="1" applyBorder="1" applyAlignment="1">
      <alignment horizontal="center" vertical="center" shrinkToFit="1"/>
    </xf>
    <xf numFmtId="0" fontId="5" fillId="0" borderId="0" xfId="0" applyNumberFormat="1" applyFont="1" applyBorder="1" applyAlignment="1">
      <alignment horizontal="center" vertical="center" shrinkToFit="1"/>
    </xf>
    <xf numFmtId="0" fontId="5" fillId="0" borderId="2" xfId="0" applyNumberFormat="1" applyFont="1" applyBorder="1" applyAlignment="1">
      <alignment horizontal="center" vertical="center" shrinkToFit="1"/>
    </xf>
    <xf numFmtId="0" fontId="5" fillId="0" borderId="3" xfId="0" applyNumberFormat="1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176" fontId="5" fillId="0" borderId="4" xfId="0" applyNumberFormat="1" applyFont="1" applyBorder="1" applyAlignment="1">
      <alignment vertical="center" shrinkToFit="1"/>
    </xf>
    <xf numFmtId="176" fontId="5" fillId="0" borderId="0" xfId="0" applyNumberFormat="1" applyFont="1" applyAlignment="1">
      <alignment vertical="center" shrinkToFit="1"/>
    </xf>
    <xf numFmtId="0" fontId="5" fillId="0" borderId="5" xfId="0" applyFont="1" applyBorder="1" applyAlignment="1">
      <alignment horizontal="center" vertical="center"/>
    </xf>
    <xf numFmtId="176" fontId="5" fillId="0" borderId="5" xfId="0" applyNumberFormat="1" applyFont="1" applyBorder="1" applyAlignment="1">
      <alignment vertical="center" shrinkToFit="1"/>
    </xf>
    <xf numFmtId="176" fontId="5" fillId="0" borderId="0" xfId="0" applyNumberFormat="1" applyFont="1" applyBorder="1" applyAlignment="1">
      <alignment vertical="center" shrinkToFit="1"/>
    </xf>
    <xf numFmtId="0" fontId="5" fillId="0" borderId="6" xfId="0" applyFont="1" applyBorder="1" applyAlignment="1">
      <alignment horizontal="center" vertical="center"/>
    </xf>
    <xf numFmtId="176" fontId="5" fillId="0" borderId="6" xfId="0" applyNumberFormat="1" applyFont="1" applyBorder="1" applyAlignment="1">
      <alignment vertical="center" shrinkToFit="1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0" fontId="5" fillId="0" borderId="7" xfId="0" applyFont="1" applyBorder="1" applyAlignment="1">
      <alignment horizontal="left" vertical="center"/>
    </xf>
    <xf numFmtId="176" fontId="5" fillId="0" borderId="7" xfId="0" applyNumberFormat="1" applyFont="1" applyBorder="1" applyAlignment="1">
      <alignment vertical="center" shrinkToFit="1"/>
    </xf>
    <xf numFmtId="0" fontId="5" fillId="0" borderId="8" xfId="0" applyFont="1" applyBorder="1" applyAlignment="1">
      <alignment horizontal="center" vertical="center"/>
    </xf>
    <xf numFmtId="176" fontId="5" fillId="0" borderId="1" xfId="0" applyNumberFormat="1" applyFont="1" applyBorder="1" applyAlignment="1">
      <alignment horizontal="center" vertical="center" shrinkToFit="1"/>
    </xf>
    <xf numFmtId="0" fontId="5" fillId="0" borderId="9" xfId="0" applyFont="1" applyBorder="1" applyAlignment="1">
      <alignment horizontal="center" vertical="center"/>
    </xf>
    <xf numFmtId="176" fontId="5" fillId="0" borderId="2" xfId="0" applyNumberFormat="1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center" vertical="center"/>
    </xf>
    <xf numFmtId="176" fontId="5" fillId="0" borderId="3" xfId="0" applyNumberFormat="1" applyFont="1" applyBorder="1" applyAlignment="1">
      <alignment horizontal="center" vertical="center" shrinkToFit="1"/>
    </xf>
    <xf numFmtId="0" fontId="5" fillId="0" borderId="0" xfId="0" applyFont="1" applyAlignment="1">
      <alignment horizontal="center" vertical="center"/>
    </xf>
    <xf numFmtId="0" fontId="5" fillId="2" borderId="6" xfId="0" applyFont="1" applyFill="1" applyBorder="1" applyAlignment="1">
      <alignment horizontal="center" vertical="center"/>
    </xf>
    <xf numFmtId="176" fontId="5" fillId="0" borderId="12" xfId="0" applyNumberFormat="1" applyFont="1" applyBorder="1" applyAlignment="1">
      <alignment horizontal="center" vertical="center" shrinkToFit="1"/>
    </xf>
    <xf numFmtId="176" fontId="5" fillId="0" borderId="0" xfId="0" applyNumberFormat="1" applyFont="1" applyBorder="1" applyAlignment="1">
      <alignment horizontal="center" vertical="center" shrinkToFit="1"/>
    </xf>
    <xf numFmtId="176" fontId="5" fillId="0" borderId="7" xfId="0" applyNumberFormat="1" applyFont="1" applyBorder="1" applyAlignment="1">
      <alignment horizontal="center" vertical="center" shrinkToFit="1"/>
    </xf>
    <xf numFmtId="176" fontId="5" fillId="0" borderId="13" xfId="0" applyNumberFormat="1" applyFont="1" applyBorder="1" applyAlignment="1">
      <alignment vertical="center" shrinkToFit="1"/>
    </xf>
    <xf numFmtId="176" fontId="5" fillId="0" borderId="14" xfId="0" applyNumberFormat="1" applyFont="1" applyBorder="1" applyAlignment="1">
      <alignment vertical="center" shrinkToFit="1"/>
    </xf>
    <xf numFmtId="176" fontId="6" fillId="0" borderId="5" xfId="0" applyNumberFormat="1" applyFont="1" applyBorder="1" applyAlignment="1">
      <alignment vertical="center" wrapText="1" shrinkToFit="1"/>
    </xf>
    <xf numFmtId="176" fontId="5" fillId="0" borderId="5" xfId="0" applyNumberFormat="1" applyFont="1" applyBorder="1" applyAlignment="1">
      <alignment vertical="center" wrapText="1" shrinkToFit="1"/>
    </xf>
    <xf numFmtId="176" fontId="5" fillId="2" borderId="11" xfId="0" applyNumberFormat="1" applyFont="1" applyFill="1" applyBorder="1" applyAlignment="1">
      <alignment vertical="center" shrinkToFit="1"/>
    </xf>
    <xf numFmtId="0" fontId="5" fillId="0" borderId="6" xfId="0" applyFont="1" applyBorder="1" applyAlignment="1">
      <alignment horizontal="center" vertical="center" shrinkToFit="1"/>
    </xf>
    <xf numFmtId="0" fontId="5" fillId="0" borderId="0" xfId="0" applyFont="1" applyBorder="1" applyAlignment="1">
      <alignment vertical="center"/>
    </xf>
    <xf numFmtId="176" fontId="5" fillId="0" borderId="0" xfId="0" applyNumberFormat="1" applyFont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C41"/>
  <sheetViews>
    <sheetView tabSelected="1" view="pageBreakPreview" zoomScaleNormal="100" zoomScaleSheetLayoutView="100" workbookViewId="0">
      <selection activeCell="A15" sqref="A15"/>
    </sheetView>
  </sheetViews>
  <sheetFormatPr defaultColWidth="9.296875" defaultRowHeight="10.8"/>
  <cols>
    <col min="1" max="1" width="31.59765625" style="28" customWidth="1"/>
    <col min="2" max="3" width="46.59765625" style="12" customWidth="1"/>
    <col min="4" max="16384" width="9.296875" style="12"/>
  </cols>
  <sheetData>
    <row r="1" spans="1:3" s="7" customFormat="1" ht="17.25" customHeight="1">
      <c r="A1" s="6"/>
      <c r="B1" s="6"/>
      <c r="C1" s="6"/>
    </row>
    <row r="2" spans="1:3" s="7" customFormat="1" ht="17.25" customHeight="1">
      <c r="A2" s="8"/>
      <c r="B2" s="8"/>
      <c r="C2" s="8"/>
    </row>
    <row r="3" spans="1:3" s="7" customFormat="1" ht="17.25" customHeight="1">
      <c r="A3" s="8"/>
      <c r="B3" s="8" t="s">
        <v>0</v>
      </c>
      <c r="C3" s="8" t="s">
        <v>1</v>
      </c>
    </row>
    <row r="4" spans="1:3" s="7" customFormat="1" ht="17.25" customHeight="1">
      <c r="A4" s="8"/>
      <c r="B4" s="8"/>
      <c r="C4" s="8"/>
    </row>
    <row r="5" spans="1:3" s="7" customFormat="1" ht="17.25" customHeight="1">
      <c r="A5" s="9"/>
      <c r="B5" s="9"/>
      <c r="C5" s="9"/>
    </row>
    <row r="6" spans="1:3" ht="17.55" customHeight="1">
      <c r="A6" s="10" t="s">
        <v>2</v>
      </c>
      <c r="B6" s="11" t="s">
        <v>3</v>
      </c>
      <c r="C6" s="11" t="s">
        <v>4</v>
      </c>
    </row>
    <row r="7" spans="1:3" s="15" customFormat="1" ht="17.55" customHeight="1">
      <c r="A7" s="13" t="s">
        <v>5</v>
      </c>
      <c r="B7" s="14" t="s">
        <v>6</v>
      </c>
      <c r="C7" s="14" t="s">
        <v>7</v>
      </c>
    </row>
    <row r="8" spans="1:3" ht="17.55" customHeight="1">
      <c r="A8" s="13" t="s">
        <v>8</v>
      </c>
      <c r="B8" s="14" t="s">
        <v>9</v>
      </c>
      <c r="C8" s="14" t="s">
        <v>7</v>
      </c>
    </row>
    <row r="9" spans="1:3" ht="17.55" customHeight="1">
      <c r="A9" s="13" t="s">
        <v>10</v>
      </c>
      <c r="B9" s="14" t="s">
        <v>11</v>
      </c>
      <c r="C9" s="14" t="s">
        <v>7</v>
      </c>
    </row>
    <row r="10" spans="1:3" ht="17.55" customHeight="1">
      <c r="A10" s="13" t="s">
        <v>12</v>
      </c>
      <c r="B10" s="14" t="s">
        <v>11</v>
      </c>
      <c r="C10" s="14" t="s">
        <v>7</v>
      </c>
    </row>
    <row r="11" spans="1:3" s="15" customFormat="1" ht="17.55" customHeight="1">
      <c r="A11" s="13" t="s">
        <v>13</v>
      </c>
      <c r="B11" s="14" t="s">
        <v>14</v>
      </c>
      <c r="C11" s="14" t="s">
        <v>7</v>
      </c>
    </row>
    <row r="12" spans="1:3" s="15" customFormat="1" ht="17.55" customHeight="1">
      <c r="A12" s="13" t="s">
        <v>15</v>
      </c>
      <c r="B12" s="14" t="s">
        <v>16</v>
      </c>
      <c r="C12" s="14" t="s">
        <v>7</v>
      </c>
    </row>
    <row r="13" spans="1:3" s="15" customFormat="1" ht="17.55" customHeight="1">
      <c r="A13" s="13" t="s">
        <v>17</v>
      </c>
      <c r="B13" s="14" t="s">
        <v>18</v>
      </c>
      <c r="C13" s="14" t="s">
        <v>7</v>
      </c>
    </row>
    <row r="14" spans="1:3" s="15" customFormat="1" ht="17.55" customHeight="1">
      <c r="A14" s="13" t="s">
        <v>19</v>
      </c>
      <c r="B14" s="14" t="s">
        <v>20</v>
      </c>
      <c r="C14" s="14" t="s">
        <v>7</v>
      </c>
    </row>
    <row r="15" spans="1:3" s="15" customFormat="1" ht="17.55" customHeight="1">
      <c r="A15" s="13" t="s">
        <v>21</v>
      </c>
      <c r="B15" s="14" t="s">
        <v>22</v>
      </c>
      <c r="C15" s="14" t="s">
        <v>23</v>
      </c>
    </row>
    <row r="16" spans="1:3" s="15" customFormat="1" ht="17.55" customHeight="1">
      <c r="A16" s="13" t="s">
        <v>24</v>
      </c>
      <c r="B16" s="14" t="s">
        <v>25</v>
      </c>
      <c r="C16" s="14" t="s">
        <v>26</v>
      </c>
    </row>
    <row r="17" spans="1:3" s="15" customFormat="1" ht="17.55" customHeight="1">
      <c r="A17" s="13" t="s">
        <v>89</v>
      </c>
      <c r="B17" s="14" t="s">
        <v>27</v>
      </c>
      <c r="C17" s="35" t="s">
        <v>88</v>
      </c>
    </row>
    <row r="18" spans="1:3" s="15" customFormat="1" ht="17.55" customHeight="1">
      <c r="A18" s="13" t="s">
        <v>90</v>
      </c>
      <c r="B18" s="14" t="s">
        <v>28</v>
      </c>
      <c r="C18" s="14" t="s">
        <v>29</v>
      </c>
    </row>
    <row r="19" spans="1:3" s="15" customFormat="1" ht="17.55" customHeight="1">
      <c r="A19" s="13" t="s">
        <v>91</v>
      </c>
      <c r="B19" s="14" t="s">
        <v>30</v>
      </c>
      <c r="C19" s="14" t="s">
        <v>31</v>
      </c>
    </row>
    <row r="20" spans="1:3" s="15" customFormat="1" ht="17.55" customHeight="1">
      <c r="A20" s="13" t="s">
        <v>92</v>
      </c>
      <c r="B20" s="14" t="s">
        <v>32</v>
      </c>
      <c r="C20" s="14" t="s">
        <v>7</v>
      </c>
    </row>
    <row r="21" spans="1:3" s="15" customFormat="1" ht="17.55" customHeight="1">
      <c r="A21" s="13" t="s">
        <v>93</v>
      </c>
      <c r="B21" s="14" t="s">
        <v>33</v>
      </c>
      <c r="C21" s="14" t="s">
        <v>7</v>
      </c>
    </row>
    <row r="22" spans="1:3" s="15" customFormat="1" ht="17.55" customHeight="1">
      <c r="A22" s="13" t="s">
        <v>34</v>
      </c>
      <c r="B22" s="14" t="s">
        <v>35</v>
      </c>
      <c r="C22" s="14" t="s">
        <v>36</v>
      </c>
    </row>
    <row r="23" spans="1:3" s="15" customFormat="1" ht="17.55" customHeight="1">
      <c r="A23" s="13" t="s">
        <v>37</v>
      </c>
      <c r="B23" s="14" t="s">
        <v>94</v>
      </c>
      <c r="C23" s="14" t="s">
        <v>38</v>
      </c>
    </row>
    <row r="24" spans="1:3" ht="17.55" customHeight="1">
      <c r="A24" s="13" t="s">
        <v>39</v>
      </c>
      <c r="B24" s="14" t="s">
        <v>40</v>
      </c>
      <c r="C24" s="14" t="s">
        <v>41</v>
      </c>
    </row>
    <row r="25" spans="1:3" ht="17.55" customHeight="1">
      <c r="A25" s="13" t="s">
        <v>42</v>
      </c>
      <c r="B25" s="14" t="s">
        <v>43</v>
      </c>
      <c r="C25" s="14" t="s">
        <v>44</v>
      </c>
    </row>
    <row r="26" spans="1:3" ht="17.55" customHeight="1">
      <c r="A26" s="38" t="s">
        <v>95</v>
      </c>
      <c r="B26" s="17" t="s">
        <v>45</v>
      </c>
      <c r="C26" s="17" t="s">
        <v>78</v>
      </c>
    </row>
    <row r="27" spans="1:3" ht="20.100000000000001" customHeight="1">
      <c r="A27" s="39"/>
      <c r="B27" s="39" t="s">
        <v>102</v>
      </c>
      <c r="C27" s="39" t="s">
        <v>102</v>
      </c>
    </row>
    <row r="28" spans="1:3" s="15" customFormat="1" ht="20.100000000000001" customHeight="1">
      <c r="A28" s="39"/>
      <c r="B28" s="39"/>
      <c r="C28" s="39"/>
    </row>
    <row r="29" spans="1:3" s="15" customFormat="1" ht="20.100000000000001" customHeight="1">
      <c r="A29" s="18"/>
    </row>
    <row r="30" spans="1:3" s="15" customFormat="1" ht="20.100000000000001" customHeight="1">
      <c r="A30" s="19" t="s">
        <v>79</v>
      </c>
    </row>
    <row r="31" spans="1:3" s="15" customFormat="1" ht="20.100000000000001" customHeight="1">
      <c r="A31" s="20" t="s">
        <v>46</v>
      </c>
      <c r="B31" s="21"/>
      <c r="C31" s="21"/>
    </row>
    <row r="32" spans="1:3" s="15" customFormat="1" ht="20.100000000000001" customHeight="1">
      <c r="A32" s="22"/>
      <c r="B32" s="23"/>
      <c r="C32" s="23"/>
    </row>
    <row r="33" spans="1:3" s="15" customFormat="1" ht="20.100000000000001" customHeight="1">
      <c r="A33" s="24"/>
      <c r="B33" s="25" t="s">
        <v>0</v>
      </c>
      <c r="C33" s="8" t="s">
        <v>1</v>
      </c>
    </row>
    <row r="34" spans="1:3" s="15" customFormat="1" ht="20.100000000000001" customHeight="1">
      <c r="A34" s="26"/>
      <c r="B34" s="27"/>
      <c r="C34" s="27"/>
    </row>
    <row r="35" spans="1:3" s="15" customFormat="1" ht="17.55" customHeight="1">
      <c r="A35" s="13" t="s">
        <v>47</v>
      </c>
      <c r="B35" s="14" t="s">
        <v>48</v>
      </c>
      <c r="C35" s="14" t="s">
        <v>49</v>
      </c>
    </row>
    <row r="36" spans="1:3" s="15" customFormat="1" ht="17.55" customHeight="1">
      <c r="A36" s="16" t="s">
        <v>42</v>
      </c>
      <c r="B36" s="17" t="s">
        <v>50</v>
      </c>
      <c r="C36" s="17" t="s">
        <v>44</v>
      </c>
    </row>
    <row r="37" spans="1:3" ht="17.25" customHeight="1"/>
    <row r="38" spans="1:3" ht="17.25" customHeight="1">
      <c r="B38" s="12" t="s">
        <v>51</v>
      </c>
      <c r="C38" s="12" t="s">
        <v>51</v>
      </c>
    </row>
    <row r="39" spans="1:3" ht="17.25" customHeight="1">
      <c r="B39" s="12" t="s">
        <v>52</v>
      </c>
      <c r="C39" s="12" t="s">
        <v>52</v>
      </c>
    </row>
    <row r="40" spans="1:3" ht="17.25" customHeight="1">
      <c r="B40" s="12" t="s">
        <v>80</v>
      </c>
      <c r="C40" s="12" t="s">
        <v>80</v>
      </c>
    </row>
    <row r="41" spans="1:3" ht="17.25" customHeight="1">
      <c r="B41" s="12" t="s">
        <v>53</v>
      </c>
      <c r="C41" s="12" t="s">
        <v>53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２　令和元年度一部事務組合（普通会計）決算状況［&amp;P/&amp;N］</oddHeader>
  </headerFooter>
  <colBreaks count="1" manualBreakCount="1">
    <brk id="2" max="42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K42"/>
  <sheetViews>
    <sheetView view="pageBreakPreview" zoomScaleNormal="100" zoomScaleSheetLayoutView="100" workbookViewId="0">
      <selection activeCell="F40" sqref="F40"/>
    </sheetView>
  </sheetViews>
  <sheetFormatPr defaultColWidth="9.296875" defaultRowHeight="10.8"/>
  <cols>
    <col min="1" max="1" width="31.59765625" style="5" customWidth="1"/>
    <col min="2" max="3" width="9.296875" style="1" customWidth="1"/>
    <col min="4" max="16384" width="9.296875" style="1"/>
  </cols>
  <sheetData>
    <row r="1" spans="1:11" s="7" customFormat="1" ht="17.25" customHeight="1">
      <c r="A1" s="6"/>
      <c r="B1" s="6"/>
      <c r="C1" s="6"/>
      <c r="D1" s="6"/>
      <c r="E1" s="6"/>
      <c r="F1" s="6"/>
      <c r="G1" s="6"/>
      <c r="H1" s="6"/>
      <c r="I1" s="6"/>
      <c r="J1" s="6"/>
      <c r="K1" s="6"/>
    </row>
    <row r="2" spans="1:11" s="7" customFormat="1" ht="17.25" customHeight="1">
      <c r="A2" s="8"/>
      <c r="B2" s="8" t="s">
        <v>54</v>
      </c>
      <c r="C2" s="8" t="s">
        <v>55</v>
      </c>
      <c r="D2" s="8" t="s">
        <v>56</v>
      </c>
      <c r="E2" s="8" t="s">
        <v>57</v>
      </c>
      <c r="F2" s="8" t="s">
        <v>58</v>
      </c>
      <c r="G2" s="8" t="s">
        <v>59</v>
      </c>
      <c r="H2" s="8" t="s">
        <v>60</v>
      </c>
      <c r="I2" s="8" t="s">
        <v>61</v>
      </c>
      <c r="J2" s="8" t="s">
        <v>62</v>
      </c>
      <c r="K2" s="8" t="s">
        <v>63</v>
      </c>
    </row>
    <row r="3" spans="1:11" s="7" customFormat="1" ht="17.25" customHeight="1">
      <c r="A3" s="8"/>
      <c r="B3" s="8"/>
      <c r="C3" s="8"/>
      <c r="D3" s="8" t="s">
        <v>64</v>
      </c>
      <c r="E3" s="8" t="s">
        <v>65</v>
      </c>
      <c r="F3" s="8"/>
      <c r="G3" s="8"/>
      <c r="H3" s="8"/>
      <c r="I3" s="8"/>
      <c r="J3" s="8" t="s">
        <v>66</v>
      </c>
      <c r="K3" s="8" t="s">
        <v>67</v>
      </c>
    </row>
    <row r="4" spans="1:11" s="7" customFormat="1" ht="17.25" customHeight="1">
      <c r="A4" s="8"/>
      <c r="B4" s="8"/>
      <c r="C4" s="8"/>
      <c r="D4" s="8" t="s">
        <v>68</v>
      </c>
      <c r="E4" s="8" t="s">
        <v>69</v>
      </c>
      <c r="F4" s="25"/>
      <c r="G4" s="8"/>
      <c r="H4" s="8"/>
      <c r="I4" s="8"/>
      <c r="J4" s="8"/>
      <c r="K4" s="8" t="s">
        <v>86</v>
      </c>
    </row>
    <row r="5" spans="1:11" s="7" customFormat="1" ht="17.25" customHeight="1">
      <c r="A5" s="9"/>
      <c r="B5" s="9" t="s">
        <v>71</v>
      </c>
      <c r="C5" s="9" t="s">
        <v>72</v>
      </c>
      <c r="D5" s="9" t="s">
        <v>81</v>
      </c>
      <c r="E5" s="9" t="s">
        <v>73</v>
      </c>
      <c r="F5" s="27" t="s">
        <v>70</v>
      </c>
      <c r="G5" s="9" t="s">
        <v>85</v>
      </c>
      <c r="H5" s="9" t="s">
        <v>82</v>
      </c>
      <c r="I5" s="9" t="s">
        <v>83</v>
      </c>
      <c r="J5" s="9" t="s">
        <v>84</v>
      </c>
      <c r="K5" s="9" t="s">
        <v>87</v>
      </c>
    </row>
    <row r="6" spans="1:11" ht="17.55" customHeight="1">
      <c r="A6" s="10" t="s">
        <v>2</v>
      </c>
      <c r="B6" s="11">
        <v>100549</v>
      </c>
      <c r="C6" s="11">
        <v>39430</v>
      </c>
      <c r="D6" s="11">
        <v>61119</v>
      </c>
      <c r="E6" s="11">
        <v>0</v>
      </c>
      <c r="F6" s="11">
        <v>61119</v>
      </c>
      <c r="G6" s="11">
        <v>22702</v>
      </c>
      <c r="H6" s="11">
        <v>1000</v>
      </c>
      <c r="I6" s="11">
        <v>0</v>
      </c>
      <c r="J6" s="11">
        <v>0</v>
      </c>
      <c r="K6" s="11">
        <v>23702</v>
      </c>
    </row>
    <row r="7" spans="1:11" s="2" customFormat="1" ht="17.55" customHeight="1">
      <c r="A7" s="13" t="s">
        <v>5</v>
      </c>
      <c r="B7" s="14">
        <v>60329</v>
      </c>
      <c r="C7" s="14">
        <v>18667</v>
      </c>
      <c r="D7" s="14">
        <v>41662</v>
      </c>
      <c r="E7" s="14">
        <v>0</v>
      </c>
      <c r="F7" s="14">
        <v>41662</v>
      </c>
      <c r="G7" s="14">
        <v>11760</v>
      </c>
      <c r="H7" s="14">
        <v>0</v>
      </c>
      <c r="I7" s="14">
        <v>0</v>
      </c>
      <c r="J7" s="14">
        <v>0</v>
      </c>
      <c r="K7" s="14">
        <v>11760</v>
      </c>
    </row>
    <row r="8" spans="1:11" ht="17.55" customHeight="1">
      <c r="A8" s="13" t="s">
        <v>8</v>
      </c>
      <c r="B8" s="14">
        <v>7608</v>
      </c>
      <c r="C8" s="14">
        <v>4789</v>
      </c>
      <c r="D8" s="14">
        <v>2819</v>
      </c>
      <c r="E8" s="14">
        <v>0</v>
      </c>
      <c r="F8" s="14">
        <v>2819</v>
      </c>
      <c r="G8" s="14">
        <v>221</v>
      </c>
      <c r="H8" s="14">
        <v>0</v>
      </c>
      <c r="I8" s="14">
        <v>0</v>
      </c>
      <c r="J8" s="14">
        <v>0</v>
      </c>
      <c r="K8" s="14">
        <v>221</v>
      </c>
    </row>
    <row r="9" spans="1:11" ht="17.55" customHeight="1">
      <c r="A9" s="13" t="s">
        <v>10</v>
      </c>
      <c r="B9" s="14">
        <v>70955</v>
      </c>
      <c r="C9" s="14">
        <v>21795</v>
      </c>
      <c r="D9" s="14">
        <v>49160</v>
      </c>
      <c r="E9" s="14">
        <v>0</v>
      </c>
      <c r="F9" s="14">
        <v>49160</v>
      </c>
      <c r="G9" s="14">
        <v>20957</v>
      </c>
      <c r="H9" s="14">
        <v>0</v>
      </c>
      <c r="I9" s="14">
        <v>0</v>
      </c>
      <c r="J9" s="14">
        <v>0</v>
      </c>
      <c r="K9" s="14">
        <v>20957</v>
      </c>
    </row>
    <row r="10" spans="1:11" ht="17.55" customHeight="1">
      <c r="A10" s="13" t="s">
        <v>12</v>
      </c>
      <c r="B10" s="14">
        <v>3628</v>
      </c>
      <c r="C10" s="14">
        <v>1287</v>
      </c>
      <c r="D10" s="14">
        <v>2341</v>
      </c>
      <c r="E10" s="14">
        <v>0</v>
      </c>
      <c r="F10" s="14">
        <v>2341</v>
      </c>
      <c r="G10" s="14">
        <v>1189</v>
      </c>
      <c r="H10" s="14">
        <v>0</v>
      </c>
      <c r="I10" s="14">
        <v>0</v>
      </c>
      <c r="J10" s="14">
        <v>0</v>
      </c>
      <c r="K10" s="14">
        <v>1189</v>
      </c>
    </row>
    <row r="11" spans="1:11" s="2" customFormat="1" ht="17.55" customHeight="1">
      <c r="A11" s="13" t="s">
        <v>13</v>
      </c>
      <c r="B11" s="14">
        <v>39464</v>
      </c>
      <c r="C11" s="14">
        <v>2616</v>
      </c>
      <c r="D11" s="14">
        <v>36848</v>
      </c>
      <c r="E11" s="14">
        <v>0</v>
      </c>
      <c r="F11" s="14">
        <v>36848</v>
      </c>
      <c r="G11" s="14">
        <v>16494</v>
      </c>
      <c r="H11" s="14">
        <v>0</v>
      </c>
      <c r="I11" s="14">
        <v>0</v>
      </c>
      <c r="J11" s="14">
        <v>0</v>
      </c>
      <c r="K11" s="14">
        <v>16494</v>
      </c>
    </row>
    <row r="12" spans="1:11" s="2" customFormat="1" ht="17.55" customHeight="1">
      <c r="A12" s="13" t="s">
        <v>15</v>
      </c>
      <c r="B12" s="14">
        <v>14897</v>
      </c>
      <c r="C12" s="14">
        <v>11004</v>
      </c>
      <c r="D12" s="14">
        <v>3893</v>
      </c>
      <c r="E12" s="14">
        <v>0</v>
      </c>
      <c r="F12" s="14">
        <v>3893</v>
      </c>
      <c r="G12" s="14">
        <v>185</v>
      </c>
      <c r="H12" s="14">
        <v>0</v>
      </c>
      <c r="I12" s="14">
        <v>0</v>
      </c>
      <c r="J12" s="14">
        <v>0</v>
      </c>
      <c r="K12" s="14">
        <v>185</v>
      </c>
    </row>
    <row r="13" spans="1:11" s="2" customFormat="1" ht="17.55" customHeight="1">
      <c r="A13" s="13" t="s">
        <v>21</v>
      </c>
      <c r="B13" s="14">
        <v>7411</v>
      </c>
      <c r="C13" s="14">
        <v>6001</v>
      </c>
      <c r="D13" s="14">
        <v>1410</v>
      </c>
      <c r="E13" s="14">
        <v>0</v>
      </c>
      <c r="F13" s="14">
        <v>1410</v>
      </c>
      <c r="G13" s="14">
        <v>144</v>
      </c>
      <c r="H13" s="14">
        <v>100</v>
      </c>
      <c r="I13" s="14">
        <v>0</v>
      </c>
      <c r="J13" s="14">
        <v>0</v>
      </c>
      <c r="K13" s="14">
        <v>244</v>
      </c>
    </row>
    <row r="14" spans="1:11" s="15" customFormat="1" ht="17.55" customHeight="1">
      <c r="A14" s="13" t="s">
        <v>24</v>
      </c>
      <c r="B14" s="14">
        <v>2896687</v>
      </c>
      <c r="C14" s="14">
        <v>2766720</v>
      </c>
      <c r="D14" s="14">
        <v>129967</v>
      </c>
      <c r="E14" s="14">
        <v>0</v>
      </c>
      <c r="F14" s="14">
        <v>129967</v>
      </c>
      <c r="G14" s="14">
        <v>27527</v>
      </c>
      <c r="H14" s="14">
        <v>0</v>
      </c>
      <c r="I14" s="14">
        <v>0</v>
      </c>
      <c r="J14" s="14">
        <v>0</v>
      </c>
      <c r="K14" s="14">
        <v>27527</v>
      </c>
    </row>
    <row r="15" spans="1:11" s="15" customFormat="1" ht="17.55" customHeight="1">
      <c r="A15" s="13" t="s">
        <v>96</v>
      </c>
      <c r="B15" s="14">
        <v>2881435</v>
      </c>
      <c r="C15" s="14">
        <v>2302463</v>
      </c>
      <c r="D15" s="14">
        <v>578972</v>
      </c>
      <c r="E15" s="14">
        <v>72346</v>
      </c>
      <c r="F15" s="14">
        <v>506626</v>
      </c>
      <c r="G15" s="14">
        <v>-88581</v>
      </c>
      <c r="H15" s="14">
        <v>0</v>
      </c>
      <c r="I15" s="14">
        <v>0</v>
      </c>
      <c r="J15" s="14">
        <v>0</v>
      </c>
      <c r="K15" s="14">
        <v>-88581</v>
      </c>
    </row>
    <row r="16" spans="1:11" s="2" customFormat="1" ht="17.55" customHeight="1">
      <c r="A16" s="13" t="s">
        <v>97</v>
      </c>
      <c r="B16" s="14">
        <v>211400</v>
      </c>
      <c r="C16" s="14">
        <v>198303</v>
      </c>
      <c r="D16" s="14">
        <v>13097</v>
      </c>
      <c r="E16" s="14">
        <v>0</v>
      </c>
      <c r="F16" s="14">
        <v>13097</v>
      </c>
      <c r="G16" s="14">
        <v>-7264</v>
      </c>
      <c r="H16" s="14">
        <v>0</v>
      </c>
      <c r="I16" s="14">
        <v>0</v>
      </c>
      <c r="J16" s="14">
        <v>0</v>
      </c>
      <c r="K16" s="14">
        <v>-7264</v>
      </c>
    </row>
    <row r="17" spans="1:11" s="2" customFormat="1" ht="17.55" customHeight="1">
      <c r="A17" s="13" t="s">
        <v>37</v>
      </c>
      <c r="B17" s="14">
        <v>3462922</v>
      </c>
      <c r="C17" s="36">
        <v>3147419</v>
      </c>
      <c r="D17" s="14">
        <v>315503</v>
      </c>
      <c r="E17" s="14">
        <v>0</v>
      </c>
      <c r="F17" s="14">
        <v>315503</v>
      </c>
      <c r="G17" s="14">
        <v>242454</v>
      </c>
      <c r="H17" s="14">
        <v>50000</v>
      </c>
      <c r="I17" s="14">
        <v>0</v>
      </c>
      <c r="J17" s="14">
        <v>0</v>
      </c>
      <c r="K17" s="14">
        <v>292454</v>
      </c>
    </row>
    <row r="18" spans="1:11" s="2" customFormat="1" ht="17.55" customHeight="1">
      <c r="A18" s="13" t="s">
        <v>17</v>
      </c>
      <c r="B18" s="14">
        <v>8545</v>
      </c>
      <c r="C18" s="14">
        <v>6532</v>
      </c>
      <c r="D18" s="14">
        <v>2013</v>
      </c>
      <c r="E18" s="14">
        <v>0</v>
      </c>
      <c r="F18" s="14">
        <v>2013</v>
      </c>
      <c r="G18" s="14">
        <v>656</v>
      </c>
      <c r="H18" s="14">
        <v>1000</v>
      </c>
      <c r="I18" s="14">
        <v>0</v>
      </c>
      <c r="J18" s="14">
        <v>0</v>
      </c>
      <c r="K18" s="14">
        <v>1656</v>
      </c>
    </row>
    <row r="19" spans="1:11" s="15" customFormat="1" ht="17.55" customHeight="1">
      <c r="A19" s="13" t="s">
        <v>19</v>
      </c>
      <c r="B19" s="14">
        <v>10770</v>
      </c>
      <c r="C19" s="14">
        <v>1107</v>
      </c>
      <c r="D19" s="14">
        <v>9663</v>
      </c>
      <c r="E19" s="14">
        <v>0</v>
      </c>
      <c r="F19" s="14">
        <v>9663</v>
      </c>
      <c r="G19" s="14">
        <v>1343</v>
      </c>
      <c r="H19" s="14">
        <v>0</v>
      </c>
      <c r="I19" s="14">
        <v>0</v>
      </c>
      <c r="J19" s="14">
        <v>0</v>
      </c>
      <c r="K19" s="14">
        <v>1343</v>
      </c>
    </row>
    <row r="20" spans="1:11" s="15" customFormat="1" ht="17.55" customHeight="1">
      <c r="A20" s="13" t="s">
        <v>98</v>
      </c>
      <c r="B20" s="14">
        <v>964686</v>
      </c>
      <c r="C20" s="14">
        <v>909086</v>
      </c>
      <c r="D20" s="14">
        <v>55600</v>
      </c>
      <c r="E20" s="14">
        <v>0</v>
      </c>
      <c r="F20" s="14">
        <v>55600</v>
      </c>
      <c r="G20" s="14">
        <v>0</v>
      </c>
      <c r="H20" s="14">
        <v>0</v>
      </c>
      <c r="I20" s="14">
        <v>0</v>
      </c>
      <c r="J20" s="14">
        <v>0</v>
      </c>
      <c r="K20" s="14">
        <v>0</v>
      </c>
    </row>
    <row r="21" spans="1:11" s="15" customFormat="1" ht="17.55" customHeight="1">
      <c r="A21" s="13" t="s">
        <v>34</v>
      </c>
      <c r="B21" s="14">
        <v>401312</v>
      </c>
      <c r="C21" s="14">
        <v>370951</v>
      </c>
      <c r="D21" s="14">
        <v>30361</v>
      </c>
      <c r="E21" s="14">
        <v>0</v>
      </c>
      <c r="F21" s="14">
        <v>30361</v>
      </c>
      <c r="G21" s="14">
        <v>-6705</v>
      </c>
      <c r="H21" s="14">
        <v>0</v>
      </c>
      <c r="I21" s="14">
        <v>0</v>
      </c>
      <c r="J21" s="14">
        <v>0</v>
      </c>
      <c r="K21" s="14">
        <v>-6705</v>
      </c>
    </row>
    <row r="22" spans="1:11" s="15" customFormat="1" ht="17.55" customHeight="1">
      <c r="A22" s="13" t="s">
        <v>99</v>
      </c>
      <c r="B22" s="14">
        <v>369308</v>
      </c>
      <c r="C22" s="14">
        <v>327387</v>
      </c>
      <c r="D22" s="14">
        <v>41921</v>
      </c>
      <c r="E22" s="14">
        <v>0</v>
      </c>
      <c r="F22" s="14">
        <v>41921</v>
      </c>
      <c r="G22" s="14">
        <v>-1015</v>
      </c>
      <c r="H22" s="14">
        <v>0</v>
      </c>
      <c r="I22" s="14">
        <v>0</v>
      </c>
      <c r="J22" s="14">
        <v>0</v>
      </c>
      <c r="K22" s="14">
        <v>-1015</v>
      </c>
    </row>
    <row r="23" spans="1:11" s="15" customFormat="1" ht="17.55" customHeight="1">
      <c r="A23" s="13" t="s">
        <v>100</v>
      </c>
      <c r="B23" s="14">
        <v>317315</v>
      </c>
      <c r="C23" s="14">
        <v>305985</v>
      </c>
      <c r="D23" s="14">
        <v>11330</v>
      </c>
      <c r="E23" s="14">
        <v>0</v>
      </c>
      <c r="F23" s="14">
        <v>11330</v>
      </c>
      <c r="G23" s="14">
        <v>-4448</v>
      </c>
      <c r="H23" s="14">
        <v>0</v>
      </c>
      <c r="I23" s="14">
        <v>0</v>
      </c>
      <c r="J23" s="14">
        <v>0</v>
      </c>
      <c r="K23" s="14">
        <v>-4448</v>
      </c>
    </row>
    <row r="24" spans="1:11" s="12" customFormat="1" ht="17.55" customHeight="1">
      <c r="A24" s="13" t="s">
        <v>39</v>
      </c>
      <c r="B24" s="14">
        <v>151990</v>
      </c>
      <c r="C24" s="14">
        <v>146952</v>
      </c>
      <c r="D24" s="14">
        <v>5038</v>
      </c>
      <c r="E24" s="14">
        <v>0</v>
      </c>
      <c r="F24" s="14">
        <v>5038</v>
      </c>
      <c r="G24" s="14">
        <v>2087</v>
      </c>
      <c r="H24" s="14">
        <v>0</v>
      </c>
      <c r="I24" s="14">
        <v>0</v>
      </c>
      <c r="J24" s="14">
        <v>0</v>
      </c>
      <c r="K24" s="14">
        <v>2087</v>
      </c>
    </row>
    <row r="25" spans="1:11" s="12" customFormat="1" ht="17.55" customHeight="1">
      <c r="A25" s="13" t="s">
        <v>42</v>
      </c>
      <c r="B25" s="14">
        <v>3968692</v>
      </c>
      <c r="C25" s="14">
        <v>3095336</v>
      </c>
      <c r="D25" s="14">
        <v>873356</v>
      </c>
      <c r="E25" s="14">
        <v>0</v>
      </c>
      <c r="F25" s="14">
        <v>873356</v>
      </c>
      <c r="G25" s="14">
        <v>441890</v>
      </c>
      <c r="H25" s="14">
        <v>737660</v>
      </c>
      <c r="I25" s="14">
        <v>0</v>
      </c>
      <c r="J25" s="14">
        <v>0</v>
      </c>
      <c r="K25" s="14">
        <v>1179550</v>
      </c>
    </row>
    <row r="26" spans="1:11" s="12" customFormat="1" ht="17.55" customHeight="1">
      <c r="A26" s="38" t="s">
        <v>101</v>
      </c>
      <c r="B26" s="17">
        <v>911540</v>
      </c>
      <c r="C26" s="17">
        <v>859227</v>
      </c>
      <c r="D26" s="17">
        <v>52313</v>
      </c>
      <c r="E26" s="17">
        <v>0</v>
      </c>
      <c r="F26" s="17">
        <v>52313</v>
      </c>
      <c r="G26" s="17">
        <v>490</v>
      </c>
      <c r="H26" s="17">
        <v>11</v>
      </c>
      <c r="I26" s="17">
        <v>0</v>
      </c>
      <c r="J26" s="17">
        <v>0</v>
      </c>
      <c r="K26" s="17">
        <v>501</v>
      </c>
    </row>
    <row r="27" spans="1:11" s="12" customFormat="1" ht="20.100000000000001" customHeight="1">
      <c r="A27" s="29" t="s">
        <v>74</v>
      </c>
      <c r="B27" s="37">
        <f>SUM(B6:B26)</f>
        <v>16861443</v>
      </c>
      <c r="C27" s="37">
        <f t="shared" ref="C27:K27" si="0">SUM(C6:C26)</f>
        <v>14543057</v>
      </c>
      <c r="D27" s="37">
        <f t="shared" si="0"/>
        <v>2318386</v>
      </c>
      <c r="E27" s="37">
        <f t="shared" si="0"/>
        <v>72346</v>
      </c>
      <c r="F27" s="37">
        <f t="shared" si="0"/>
        <v>2246040</v>
      </c>
      <c r="G27" s="37">
        <f t="shared" si="0"/>
        <v>682086</v>
      </c>
      <c r="H27" s="37">
        <f t="shared" si="0"/>
        <v>789771</v>
      </c>
      <c r="I27" s="37">
        <f t="shared" si="0"/>
        <v>0</v>
      </c>
      <c r="J27" s="37">
        <f t="shared" si="0"/>
        <v>0</v>
      </c>
      <c r="K27" s="37">
        <f t="shared" si="0"/>
        <v>1471857</v>
      </c>
    </row>
    <row r="28" spans="1:11" s="2" customFormat="1" ht="20.100000000000001" customHeight="1">
      <c r="A28" s="3"/>
      <c r="B28" s="4"/>
      <c r="C28" s="4"/>
      <c r="D28" s="4"/>
      <c r="E28" s="4"/>
      <c r="F28" s="4"/>
      <c r="G28" s="4"/>
    </row>
    <row r="29" spans="1:11" s="15" customFormat="1" ht="20.100000000000001" customHeight="1">
      <c r="A29" s="19" t="s">
        <v>76</v>
      </c>
    </row>
    <row r="30" spans="1:11" s="15" customFormat="1" ht="20.100000000000001" customHeight="1">
      <c r="A30" s="20" t="s">
        <v>46</v>
      </c>
      <c r="B30" s="21"/>
      <c r="C30" s="21"/>
      <c r="D30" s="21"/>
      <c r="E30" s="21"/>
      <c r="F30" s="21"/>
    </row>
    <row r="31" spans="1:11" s="15" customFormat="1" ht="20.100000000000001" customHeight="1">
      <c r="A31" s="22"/>
      <c r="B31" s="23"/>
      <c r="C31" s="30"/>
      <c r="D31" s="23"/>
      <c r="E31" s="30"/>
      <c r="F31" s="23"/>
      <c r="G31" s="23"/>
      <c r="H31" s="23"/>
      <c r="I31" s="23"/>
      <c r="J31" s="23"/>
      <c r="K31" s="23"/>
    </row>
    <row r="32" spans="1:11" s="15" customFormat="1" ht="20.100000000000001" customHeight="1">
      <c r="A32" s="24"/>
      <c r="B32" s="25" t="s">
        <v>54</v>
      </c>
      <c r="C32" s="31" t="s">
        <v>55</v>
      </c>
      <c r="D32" s="25" t="s">
        <v>75</v>
      </c>
      <c r="E32" s="25" t="s">
        <v>57</v>
      </c>
      <c r="F32" s="25" t="s">
        <v>58</v>
      </c>
      <c r="G32" s="8" t="s">
        <v>59</v>
      </c>
      <c r="H32" s="8" t="s">
        <v>60</v>
      </c>
      <c r="I32" s="8" t="s">
        <v>61</v>
      </c>
      <c r="J32" s="8" t="s">
        <v>62</v>
      </c>
      <c r="K32" s="8" t="s">
        <v>63</v>
      </c>
    </row>
    <row r="33" spans="1:11" s="15" customFormat="1" ht="20.100000000000001" customHeight="1">
      <c r="A33" s="24"/>
      <c r="B33" s="25"/>
      <c r="C33" s="31"/>
      <c r="D33" s="25"/>
      <c r="E33" s="25" t="s">
        <v>65</v>
      </c>
      <c r="F33" s="25"/>
      <c r="G33" s="8"/>
      <c r="H33" s="8"/>
      <c r="I33" s="8"/>
      <c r="J33" s="8" t="s">
        <v>66</v>
      </c>
      <c r="K33" s="8" t="s">
        <v>67</v>
      </c>
    </row>
    <row r="34" spans="1:11" s="15" customFormat="1" ht="20.100000000000001" customHeight="1">
      <c r="A34" s="24"/>
      <c r="B34" s="25"/>
      <c r="C34" s="31"/>
      <c r="D34" s="25" t="s">
        <v>68</v>
      </c>
      <c r="E34" s="25" t="s">
        <v>69</v>
      </c>
      <c r="F34" s="25"/>
      <c r="G34" s="8"/>
      <c r="H34" s="8"/>
      <c r="I34" s="8"/>
      <c r="J34" s="8"/>
      <c r="K34" s="8" t="s">
        <v>86</v>
      </c>
    </row>
    <row r="35" spans="1:11" s="15" customFormat="1" ht="20.100000000000001" customHeight="1">
      <c r="A35" s="26"/>
      <c r="B35" s="27" t="s">
        <v>71</v>
      </c>
      <c r="C35" s="32" t="s">
        <v>72</v>
      </c>
      <c r="D35" s="27" t="s">
        <v>77</v>
      </c>
      <c r="E35" s="32" t="s">
        <v>73</v>
      </c>
      <c r="F35" s="27" t="s">
        <v>70</v>
      </c>
      <c r="G35" s="9" t="s">
        <v>85</v>
      </c>
      <c r="H35" s="9" t="s">
        <v>82</v>
      </c>
      <c r="I35" s="9" t="s">
        <v>83</v>
      </c>
      <c r="J35" s="9" t="s">
        <v>84</v>
      </c>
      <c r="K35" s="9" t="s">
        <v>87</v>
      </c>
    </row>
    <row r="36" spans="1:11" s="15" customFormat="1" ht="17.55" customHeight="1">
      <c r="A36" s="13" t="s">
        <v>47</v>
      </c>
      <c r="B36" s="14">
        <v>87400935</v>
      </c>
      <c r="C36" s="14">
        <v>84954954</v>
      </c>
      <c r="D36" s="14">
        <v>2445981</v>
      </c>
      <c r="E36" s="14">
        <v>0</v>
      </c>
      <c r="F36" s="14">
        <v>2445981</v>
      </c>
      <c r="G36" s="33"/>
      <c r="H36" s="33"/>
      <c r="I36" s="33"/>
      <c r="J36" s="33"/>
      <c r="K36" s="33"/>
    </row>
    <row r="37" spans="1:11" s="15" customFormat="1" ht="17.55" customHeight="1">
      <c r="A37" s="16" t="s">
        <v>42</v>
      </c>
      <c r="B37" s="17">
        <v>947383872</v>
      </c>
      <c r="C37" s="17">
        <v>937124367</v>
      </c>
      <c r="D37" s="17">
        <v>10259505</v>
      </c>
      <c r="E37" s="17">
        <v>0</v>
      </c>
      <c r="F37" s="17">
        <v>10259505</v>
      </c>
      <c r="G37" s="34"/>
      <c r="H37" s="34"/>
      <c r="I37" s="34"/>
      <c r="J37" s="34"/>
      <c r="K37" s="34"/>
    </row>
    <row r="38" spans="1:11" ht="17.25" customHeight="1"/>
    <row r="39" spans="1:11" ht="17.25" customHeight="1">
      <c r="B39" s="40" t="s">
        <v>51</v>
      </c>
      <c r="G39" s="40" t="s">
        <v>51</v>
      </c>
    </row>
    <row r="40" spans="1:11" ht="17.25" customHeight="1">
      <c r="B40" s="40" t="s">
        <v>52</v>
      </c>
      <c r="G40" s="40" t="s">
        <v>52</v>
      </c>
    </row>
    <row r="41" spans="1:11" ht="17.25" customHeight="1">
      <c r="B41" s="40" t="s">
        <v>80</v>
      </c>
      <c r="G41" s="40" t="s">
        <v>80</v>
      </c>
    </row>
    <row r="42" spans="1:11" ht="17.25" customHeight="1">
      <c r="B42" s="40" t="s">
        <v>53</v>
      </c>
      <c r="G42" s="40" t="s">
        <v>53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２　令和元年度一部事務組合（普通会計）決算状況［&amp;P/&amp;N］&amp;R&amp;"ＭＳ ゴシック,標準"&amp;10
（単位：千円）</oddHeader>
  </headerFooter>
  <colBreaks count="1" manualBreakCount="1">
    <brk id="6" max="42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21</vt:lpstr>
      <vt:lpstr>21 (2)</vt:lpstr>
      <vt:lpstr>'21'!Print_Area</vt:lpstr>
      <vt:lpstr>'21 (2)'!Print_Area</vt:lpstr>
      <vt:lpstr>'21'!Print_Titles</vt:lpstr>
      <vt:lpstr>'21 (2)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22T04:33:04Z</cp:lastPrinted>
  <dcterms:created xsi:type="dcterms:W3CDTF">2013-03-18T10:12:40Z</dcterms:created>
  <dcterms:modified xsi:type="dcterms:W3CDTF">2020-12-22T04:33:12Z</dcterms:modified>
</cp:coreProperties>
</file>